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76" r:id="rId2"/>
    <p:sldId id="334" r:id="rId3"/>
    <p:sldId id="279" r:id="rId4"/>
    <p:sldId id="353" r:id="rId5"/>
    <p:sldId id="333" r:id="rId6"/>
    <p:sldId id="354" r:id="rId7"/>
    <p:sldId id="349" r:id="rId8"/>
    <p:sldId id="337" r:id="rId9"/>
    <p:sldId id="289" r:id="rId10"/>
    <p:sldId id="338" r:id="rId11"/>
    <p:sldId id="346" r:id="rId12"/>
    <p:sldId id="340" r:id="rId13"/>
    <p:sldId id="345" r:id="rId14"/>
    <p:sldId id="350" r:id="rId15"/>
    <p:sldId id="352" r:id="rId16"/>
    <p:sldId id="343" r:id="rId17"/>
    <p:sldId id="344" r:id="rId18"/>
    <p:sldId id="355" r:id="rId19"/>
  </p:sldIdLst>
  <p:sldSz cx="9144000" cy="6858000" type="screen4x3"/>
  <p:notesSz cx="6808788" cy="9940925"/>
  <p:defaultTextStyle>
    <a:defPPr>
      <a:defRPr lang="it-I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31">
          <p15:clr>
            <a:srgbClr val="A4A3A4"/>
          </p15:clr>
        </p15:guide>
        <p15:guide id="2" pos="2145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EF0F6"/>
    <a:srgbClr val="EEEEEE"/>
    <a:srgbClr val="FCF600"/>
    <a:srgbClr val="FBBD21"/>
    <a:srgbClr val="FDDF95"/>
    <a:srgbClr val="FEFA40"/>
    <a:srgbClr val="FCCF60"/>
    <a:srgbClr val="BA0E37"/>
    <a:srgbClr val="D67F4E"/>
    <a:srgbClr val="5C927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Stile medio 2 - Colore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6E25E649-3F16-4E02-A733-19D2CDBF48F0}" styleName="Stile medio 3 - Colore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Stile con tema 1 - Colore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D113A9D2-9D6B-4929-AA2D-F23B5EE8CBE7}" styleName="Stile con tema 2 - Colore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BC89EF96-8CEA-46FF-86C4-4CE0E7609802}" styleName="Stile chiaro 3 - Colore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6272" autoAdjust="0"/>
    <p:restoredTop sz="94660"/>
  </p:normalViewPr>
  <p:slideViewPr>
    <p:cSldViewPr>
      <p:cViewPr varScale="1">
        <p:scale>
          <a:sx n="69" d="100"/>
          <a:sy n="69" d="100"/>
        </p:scale>
        <p:origin x="1470" y="7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774"/>
    </p:cViewPr>
  </p:sorterViewPr>
  <p:notesViewPr>
    <p:cSldViewPr>
      <p:cViewPr varScale="1">
        <p:scale>
          <a:sx n="82" d="100"/>
          <a:sy n="82" d="100"/>
        </p:scale>
        <p:origin x="-3180" y="-96"/>
      </p:cViewPr>
      <p:guideLst>
        <p:guide orient="horz" pos="3131"/>
        <p:guide pos="214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62" b="0" i="0" u="none" strike="noStrike" kern="1200" spc="0" baseline="0">
                <a:solidFill>
                  <a:prstClr val="black">
                    <a:lumMod val="65000"/>
                    <a:lumOff val="35000"/>
                  </a:prstClr>
                </a:solidFill>
                <a:latin typeface="+mn-lt"/>
                <a:ea typeface="+mn-ea"/>
                <a:cs typeface="+mn-cs"/>
              </a:defRPr>
            </a:pPr>
            <a:endParaRPr lang="de-DE" dirty="0">
              <a:effectLst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prstClr val="black">
                    <a:lumMod val="65000"/>
                    <a:lumOff val="35000"/>
                  </a:prstClr>
                </a:solidFill>
              </a:defRPr>
            </a:pPr>
            <a:endParaRPr lang="en-US" dirty="0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marL="0" marR="0" lvl="0" indent="0" algn="ctr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 sz="1862" b="0" i="0" u="none" strike="noStrike" kern="1200" spc="0" baseline="0">
              <a:solidFill>
                <a:prstClr val="black">
                  <a:lumMod val="65000"/>
                  <a:lumOff val="35000"/>
                </a:prst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>
        <c:manualLayout>
          <c:layoutTarget val="inner"/>
          <c:xMode val="edge"/>
          <c:yMode val="edge"/>
          <c:x val="3.4892794197826718E-2"/>
          <c:y val="8.2065237084420747E-2"/>
          <c:w val="0.94417322834645667"/>
          <c:h val="0.62265365677722939"/>
        </c:manualLayout>
      </c:layout>
      <c:barChart>
        <c:barDir val="col"/>
        <c:grouping val="clustered"/>
        <c:varyColors val="0"/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347704936"/>
        <c:axId val="347703368"/>
      </c:barChart>
      <c:catAx>
        <c:axId val="3477049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347703368"/>
        <c:crosses val="autoZero"/>
        <c:auto val="1"/>
        <c:lblAlgn val="ctr"/>
        <c:lblOffset val="100"/>
        <c:noMultiLvlLbl val="0"/>
      </c:catAx>
      <c:valAx>
        <c:axId val="34770336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34770493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62" b="0" i="0" u="none" strike="noStrike" kern="1200" spc="0" baseline="0">
                <a:solidFill>
                  <a:prstClr val="black">
                    <a:lumMod val="65000"/>
                    <a:lumOff val="35000"/>
                  </a:prstClr>
                </a:solidFill>
                <a:latin typeface="+mn-lt"/>
                <a:ea typeface="+mn-ea"/>
                <a:cs typeface="+mn-cs"/>
              </a:defRPr>
            </a:pPr>
            <a:endParaRPr lang="de-DE" dirty="0">
              <a:effectLst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prstClr val="black">
                    <a:lumMod val="65000"/>
                    <a:lumOff val="35000"/>
                  </a:prstClr>
                </a:solidFill>
              </a:defRPr>
            </a:pPr>
            <a:endParaRPr lang="en-US" dirty="0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marL="0" marR="0" lvl="0" indent="0" algn="ctr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 sz="1862" b="0" i="0" u="none" strike="noStrike" kern="1200" spc="0" baseline="0">
              <a:solidFill>
                <a:prstClr val="black">
                  <a:lumMod val="65000"/>
                  <a:lumOff val="35000"/>
                </a:prst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>
        <c:manualLayout>
          <c:layoutTarget val="inner"/>
          <c:xMode val="edge"/>
          <c:yMode val="edge"/>
          <c:x val="3.4892794197826718E-2"/>
          <c:y val="8.2065237084420747E-2"/>
          <c:w val="0.94417322834645667"/>
          <c:h val="0.62265365677722939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orschungsintensität % des BiP
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9"/>
            <c:invertIfNegative val="0"/>
            <c:bubble3D val="0"/>
            <c:spPr>
              <a:solidFill>
                <a:schemeClr val="accent4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3F44-4C7F-8F79-0A6063FF961C}"/>
              </c:ext>
            </c:extLst>
          </c:dPt>
          <c:dPt>
            <c:idx val="10"/>
            <c:invertIfNegative val="0"/>
            <c:bubble3D val="0"/>
            <c:spPr>
              <a:solidFill>
                <a:schemeClr val="accent4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3F44-4C7F-8F79-0A6063FF961C}"/>
              </c:ext>
            </c:extLst>
          </c:dPt>
          <c:dPt>
            <c:idx val="11"/>
            <c:invertIfNegative val="0"/>
            <c:bubble3D val="0"/>
            <c:spPr>
              <a:solidFill>
                <a:schemeClr val="accent4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3F44-4C7F-8F79-0A6063FF961C}"/>
              </c:ext>
            </c:extLst>
          </c:dPt>
          <c:dPt>
            <c:idx val="12"/>
            <c:invertIfNegative val="0"/>
            <c:bubble3D val="0"/>
            <c:spPr>
              <a:solidFill>
                <a:srgbClr val="92D05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3F44-4C7F-8F79-0A6063FF961C}"/>
              </c:ext>
            </c:extLst>
          </c:dPt>
          <c:dPt>
            <c:idx val="13"/>
            <c:invertIfNegative val="0"/>
            <c:bubble3D val="0"/>
            <c:spPr>
              <a:solidFill>
                <a:srgbClr val="92D05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3F44-4C7F-8F79-0A6063FF961C}"/>
              </c:ext>
            </c:extLst>
          </c:dPt>
          <c:dLbls>
            <c:dLbl>
              <c:idx val="10"/>
              <c:tx>
                <c:rich>
                  <a:bodyPr/>
                  <a:lstStyle/>
                  <a:p>
                    <a:r>
                      <a:rPr lang="en-US" dirty="0"/>
                      <a:t>0,75</a:t>
                    </a:r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3F44-4C7F-8F79-0A6063FF961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5</c:f>
              <c:strCache>
                <c:ptCount val="14"/>
                <c:pt idx="0">
                  <c:v>Kalifornien</c:v>
                </c:pt>
                <c:pt idx="1">
                  <c:v>USA</c:v>
                </c:pt>
                <c:pt idx="2">
                  <c:v>Baden - Württemberg</c:v>
                </c:pt>
                <c:pt idx="3">
                  <c:v>Bayern</c:v>
                </c:pt>
                <c:pt idx="4">
                  <c:v>Deutschland</c:v>
                </c:pt>
                <c:pt idx="5">
                  <c:v>Österreich</c:v>
                </c:pt>
                <c:pt idx="6">
                  <c:v>China</c:v>
                </c:pt>
                <c:pt idx="7">
                  <c:v>Schweiz</c:v>
                </c:pt>
                <c:pt idx="8">
                  <c:v>Italien</c:v>
                </c:pt>
                <c:pt idx="9">
                  <c:v>Trentino</c:v>
                </c:pt>
                <c:pt idx="10">
                  <c:v>Südtirol</c:v>
                </c:pt>
                <c:pt idx="11">
                  <c:v>Nordtirol</c:v>
                </c:pt>
                <c:pt idx="12">
                  <c:v>EU</c:v>
                </c:pt>
                <c:pt idx="13">
                  <c:v>Europa 2020 Strategie</c:v>
                </c:pt>
              </c:strCache>
            </c:strRef>
          </c:cat>
          <c:val>
            <c:numRef>
              <c:f>Sheet1!$B$2:$B$15</c:f>
              <c:numCache>
                <c:formatCode>General</c:formatCode>
                <c:ptCount val="14"/>
                <c:pt idx="0">
                  <c:v>4.8</c:v>
                </c:pt>
                <c:pt idx="1">
                  <c:v>2.8</c:v>
                </c:pt>
                <c:pt idx="2">
                  <c:v>4.8</c:v>
                </c:pt>
                <c:pt idx="3">
                  <c:v>3.2</c:v>
                </c:pt>
                <c:pt idx="4">
                  <c:v>2.8</c:v>
                </c:pt>
                <c:pt idx="5">
                  <c:v>3.1</c:v>
                </c:pt>
                <c:pt idx="6">
                  <c:v>2.1</c:v>
                </c:pt>
                <c:pt idx="7">
                  <c:v>2</c:v>
                </c:pt>
                <c:pt idx="8">
                  <c:v>1.5</c:v>
                </c:pt>
                <c:pt idx="9">
                  <c:v>1.9</c:v>
                </c:pt>
                <c:pt idx="10">
                  <c:v>0.72</c:v>
                </c:pt>
                <c:pt idx="11">
                  <c:v>3.1</c:v>
                </c:pt>
                <c:pt idx="12">
                  <c:v>2</c:v>
                </c:pt>
                <c:pt idx="13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3F44-4C7F-8F79-0A6063FF961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4727168"/>
        <c:axId val="14729520"/>
      </c:barChart>
      <c:catAx>
        <c:axId val="1472716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4729520"/>
        <c:crosses val="autoZero"/>
        <c:auto val="1"/>
        <c:lblAlgn val="ctr"/>
        <c:lblOffset val="100"/>
        <c:noMultiLvlLbl val="0"/>
      </c:catAx>
      <c:valAx>
        <c:axId val="147295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472716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13C8208-5EC7-4DE0-B4C3-72EC181657B0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52ACF4D3-081E-4539-A961-D1182FE314DC}">
      <dgm:prSet custT="1"/>
      <dgm:spPr>
        <a:solidFill>
          <a:schemeClr val="bg1">
            <a:lumMod val="85000"/>
          </a:schemeClr>
        </a:solidFill>
      </dgm:spPr>
      <dgm:t>
        <a:bodyPr/>
        <a:lstStyle/>
        <a:p>
          <a:pPr algn="ctr" rtl="0"/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chaffung „Abteilung Bildungsförderung, Universität 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d Forschung“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reazion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a „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ipartizion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iritto allo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tudio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iversità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ricerca“</a:t>
          </a:r>
          <a:endParaRPr lang="it-IT" sz="2000" noProof="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7322518-F327-48D2-9EFE-11DF5C7A20DE}" type="parTrans" cxnId="{E809C811-F656-451F-902A-257D6D482904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59BCC9B-441C-4C4B-9B5A-6C67058E232D}" type="sibTrans" cxnId="{E809C811-F656-451F-902A-257D6D482904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550943F-6CB2-4F35-959E-056C8F72323F}">
      <dgm:prSet custT="1"/>
      <dgm:spPr>
        <a:solidFill>
          <a:schemeClr val="bg1">
            <a:lumMod val="85000"/>
          </a:schemeClr>
        </a:solidFill>
      </dgm:spPr>
      <dgm:t>
        <a:bodyPr/>
        <a:lstStyle/>
        <a:p>
          <a:pPr algn="ctr" rtl="0"/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gesetz Nr. 14 „Forschung und Innovation“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egg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n. 14 „Ricerca e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vazion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“</a:t>
          </a:r>
        </a:p>
      </dgm:t>
    </dgm:pt>
    <dgm:pt modelId="{08E9B5FF-B8A9-4393-A468-AECF45B49B72}" type="parTrans" cxnId="{50C2F3B1-FA5B-4812-AEBD-D8A2CD0839EB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83DA4A2-7432-4721-815A-AA1ED6C2BDAA}" type="sibTrans" cxnId="{50C2F3B1-FA5B-4812-AEBD-D8A2CD0839EB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FFD9A5A-B4F4-4437-A183-041B67D0A456}">
      <dgm:prSet custT="1"/>
      <dgm:spPr>
        <a:solidFill>
          <a:schemeClr val="bg1">
            <a:lumMod val="85000"/>
          </a:schemeClr>
        </a:solidFill>
      </dgm:spPr>
      <dgm:t>
        <a:bodyPr/>
        <a:lstStyle/>
        <a:p>
          <a:pPr algn="ctr" rtl="0"/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„Abteilung Innovation, Forschung und Universität“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„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ipartizion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vazion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 ricerca e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iversità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“</a:t>
          </a:r>
        </a:p>
      </dgm:t>
    </dgm:pt>
    <dgm:pt modelId="{D44E7FB7-1C45-4F35-AFF8-EF0E00BD00DE}" type="parTrans" cxnId="{C9382859-28D9-48BE-A150-12E02507ADBF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6429658-56FB-4A59-B45F-270A63CC961D}" type="sibTrans" cxnId="{C9382859-28D9-48BE-A150-12E02507ADBF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EE5ACEB-C282-4BB7-9AB9-F37FF95153F6}">
      <dgm:prSet custT="1"/>
      <dgm:spPr>
        <a:solidFill>
          <a:schemeClr val="bg1">
            <a:lumMod val="85000"/>
          </a:schemeClr>
        </a:solidFill>
      </dgm:spPr>
      <dgm:t>
        <a:bodyPr/>
        <a:lstStyle/>
        <a:p>
          <a:pPr algn="ctr" rtl="0"/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regierung genehmigt Forschungsoffensive</a:t>
          </a:r>
          <a:b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     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Giunta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pprova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le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iziative</a:t>
          </a:r>
          <a:r>
            <a:rPr lang="de-DE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a ricerca </a:t>
          </a:r>
          <a:r>
            <a:rPr lang="de-DE" sz="20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cientifica</a:t>
          </a:r>
          <a:endParaRPr lang="it-IT" sz="2000" noProof="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4CE5946D-C310-4058-A31C-D1D0E0B46187}" type="sibTrans" cxnId="{D31FFA96-5271-498D-8057-66A37B2E3105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2399438-B6E7-43D6-8806-E614B919D686}" type="parTrans" cxnId="{D31FFA96-5271-498D-8057-66A37B2E3105}">
      <dgm:prSet/>
      <dgm:spPr/>
      <dgm:t>
        <a:bodyPr/>
        <a:lstStyle/>
        <a:p>
          <a:endParaRPr lang="de-DE" sz="20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F9F4A20-5C54-43B3-BB26-A64339CD302E}" type="pres">
      <dgm:prSet presAssocID="{313C8208-5EC7-4DE0-B4C3-72EC181657B0}" presName="linear" presStyleCnt="0">
        <dgm:presLayoutVars>
          <dgm:animLvl val="lvl"/>
          <dgm:resizeHandles val="exact"/>
        </dgm:presLayoutVars>
      </dgm:prSet>
      <dgm:spPr/>
    </dgm:pt>
    <dgm:pt modelId="{B8198336-E35B-492A-8738-182BF2D854C9}" type="pres">
      <dgm:prSet presAssocID="{52ACF4D3-081E-4539-A961-D1182FE314DC}" presName="parentText" presStyleLbl="node1" presStyleIdx="0" presStyleCnt="4">
        <dgm:presLayoutVars>
          <dgm:chMax val="0"/>
          <dgm:bulletEnabled val="1"/>
        </dgm:presLayoutVars>
      </dgm:prSet>
      <dgm:spPr/>
    </dgm:pt>
    <dgm:pt modelId="{77FA3CF8-2BCB-4855-ADCE-28090F39C304}" type="pres">
      <dgm:prSet presAssocID="{159BCC9B-441C-4C4B-9B5A-6C67058E232D}" presName="spacer" presStyleCnt="0"/>
      <dgm:spPr/>
    </dgm:pt>
    <dgm:pt modelId="{EF9EFC6B-4E37-4AB7-853B-4824ED4AB4A2}" type="pres">
      <dgm:prSet presAssocID="{8550943F-6CB2-4F35-959E-056C8F72323F}" presName="parentText" presStyleLbl="node1" presStyleIdx="1" presStyleCnt="4">
        <dgm:presLayoutVars>
          <dgm:chMax val="0"/>
          <dgm:bulletEnabled val="1"/>
        </dgm:presLayoutVars>
      </dgm:prSet>
      <dgm:spPr/>
    </dgm:pt>
    <dgm:pt modelId="{867EC96A-4C48-4DF2-AD96-6F60A3EC456B}" type="pres">
      <dgm:prSet presAssocID="{583DA4A2-7432-4721-815A-AA1ED6C2BDAA}" presName="spacer" presStyleCnt="0"/>
      <dgm:spPr/>
    </dgm:pt>
    <dgm:pt modelId="{4F153BDC-F21E-40CA-A923-8EBF0C2E0E6C}" type="pres">
      <dgm:prSet presAssocID="{2FFD9A5A-B4F4-4437-A183-041B67D0A456}" presName="parentText" presStyleLbl="node1" presStyleIdx="2" presStyleCnt="4">
        <dgm:presLayoutVars>
          <dgm:chMax val="0"/>
          <dgm:bulletEnabled val="1"/>
        </dgm:presLayoutVars>
      </dgm:prSet>
      <dgm:spPr/>
    </dgm:pt>
    <dgm:pt modelId="{C626FD75-61AF-40E5-8F12-E8F199715470}" type="pres">
      <dgm:prSet presAssocID="{26429658-56FB-4A59-B45F-270A63CC961D}" presName="spacer" presStyleCnt="0"/>
      <dgm:spPr/>
    </dgm:pt>
    <dgm:pt modelId="{733D4AE9-33BA-400C-B548-14B636EEC521}" type="pres">
      <dgm:prSet presAssocID="{1EE5ACEB-C282-4BB7-9AB9-F37FF95153F6}" presName="parentText" presStyleLbl="node1" presStyleIdx="3" presStyleCnt="4">
        <dgm:presLayoutVars>
          <dgm:chMax val="0"/>
          <dgm:bulletEnabled val="1"/>
        </dgm:presLayoutVars>
      </dgm:prSet>
      <dgm:spPr/>
    </dgm:pt>
  </dgm:ptLst>
  <dgm:cxnLst>
    <dgm:cxn modelId="{E809C811-F656-451F-902A-257D6D482904}" srcId="{313C8208-5EC7-4DE0-B4C3-72EC181657B0}" destId="{52ACF4D3-081E-4539-A961-D1182FE314DC}" srcOrd="0" destOrd="0" parTransId="{B7322518-F327-48D2-9EFE-11DF5C7A20DE}" sibTransId="{159BCC9B-441C-4C4B-9B5A-6C67058E232D}"/>
    <dgm:cxn modelId="{BDEC4C29-33F4-4459-99ED-8A6A4DCC6EC8}" type="presOf" srcId="{8550943F-6CB2-4F35-959E-056C8F72323F}" destId="{EF9EFC6B-4E37-4AB7-853B-4824ED4AB4A2}" srcOrd="0" destOrd="0" presId="urn:microsoft.com/office/officeart/2005/8/layout/vList2"/>
    <dgm:cxn modelId="{89B4F65F-8D85-4AFE-A7D0-93EDE02377A1}" type="presOf" srcId="{313C8208-5EC7-4DE0-B4C3-72EC181657B0}" destId="{7F9F4A20-5C54-43B3-BB26-A64339CD302E}" srcOrd="0" destOrd="0" presId="urn:microsoft.com/office/officeart/2005/8/layout/vList2"/>
    <dgm:cxn modelId="{C9382859-28D9-48BE-A150-12E02507ADBF}" srcId="{313C8208-5EC7-4DE0-B4C3-72EC181657B0}" destId="{2FFD9A5A-B4F4-4437-A183-041B67D0A456}" srcOrd="2" destOrd="0" parTransId="{D44E7FB7-1C45-4F35-AFF8-EF0E00BD00DE}" sibTransId="{26429658-56FB-4A59-B45F-270A63CC961D}"/>
    <dgm:cxn modelId="{452B2D7F-4CD3-4002-8205-1FF5DF625EAB}" type="presOf" srcId="{52ACF4D3-081E-4539-A961-D1182FE314DC}" destId="{B8198336-E35B-492A-8738-182BF2D854C9}" srcOrd="0" destOrd="0" presId="urn:microsoft.com/office/officeart/2005/8/layout/vList2"/>
    <dgm:cxn modelId="{D31FFA96-5271-498D-8057-66A37B2E3105}" srcId="{313C8208-5EC7-4DE0-B4C3-72EC181657B0}" destId="{1EE5ACEB-C282-4BB7-9AB9-F37FF95153F6}" srcOrd="3" destOrd="0" parTransId="{D2399438-B6E7-43D6-8806-E614B919D686}" sibTransId="{4CE5946D-C310-4058-A31C-D1D0E0B46187}"/>
    <dgm:cxn modelId="{50C2F3B1-FA5B-4812-AEBD-D8A2CD0839EB}" srcId="{313C8208-5EC7-4DE0-B4C3-72EC181657B0}" destId="{8550943F-6CB2-4F35-959E-056C8F72323F}" srcOrd="1" destOrd="0" parTransId="{08E9B5FF-B8A9-4393-A468-AECF45B49B72}" sibTransId="{583DA4A2-7432-4721-815A-AA1ED6C2BDAA}"/>
    <dgm:cxn modelId="{D7F8F2C3-2E7D-4A58-A603-7C113AA88EBA}" type="presOf" srcId="{2FFD9A5A-B4F4-4437-A183-041B67D0A456}" destId="{4F153BDC-F21E-40CA-A923-8EBF0C2E0E6C}" srcOrd="0" destOrd="0" presId="urn:microsoft.com/office/officeart/2005/8/layout/vList2"/>
    <dgm:cxn modelId="{596A6CE3-509E-44DE-BD50-D207B5BB01DE}" type="presOf" srcId="{1EE5ACEB-C282-4BB7-9AB9-F37FF95153F6}" destId="{733D4AE9-33BA-400C-B548-14B636EEC521}" srcOrd="0" destOrd="0" presId="urn:microsoft.com/office/officeart/2005/8/layout/vList2"/>
    <dgm:cxn modelId="{C6A8B64F-9445-4C0C-8B00-F13812981B9D}" type="presParOf" srcId="{7F9F4A20-5C54-43B3-BB26-A64339CD302E}" destId="{B8198336-E35B-492A-8738-182BF2D854C9}" srcOrd="0" destOrd="0" presId="urn:microsoft.com/office/officeart/2005/8/layout/vList2"/>
    <dgm:cxn modelId="{C561BFBC-980D-4480-86A8-014E264F88DE}" type="presParOf" srcId="{7F9F4A20-5C54-43B3-BB26-A64339CD302E}" destId="{77FA3CF8-2BCB-4855-ADCE-28090F39C304}" srcOrd="1" destOrd="0" presId="urn:microsoft.com/office/officeart/2005/8/layout/vList2"/>
    <dgm:cxn modelId="{A0ECCD80-AE33-46B7-A0AE-1053EAAB9274}" type="presParOf" srcId="{7F9F4A20-5C54-43B3-BB26-A64339CD302E}" destId="{EF9EFC6B-4E37-4AB7-853B-4824ED4AB4A2}" srcOrd="2" destOrd="0" presId="urn:microsoft.com/office/officeart/2005/8/layout/vList2"/>
    <dgm:cxn modelId="{67823D24-AE71-461E-B978-A1E4CAA9C7C7}" type="presParOf" srcId="{7F9F4A20-5C54-43B3-BB26-A64339CD302E}" destId="{867EC96A-4C48-4DF2-AD96-6F60A3EC456B}" srcOrd="3" destOrd="0" presId="urn:microsoft.com/office/officeart/2005/8/layout/vList2"/>
    <dgm:cxn modelId="{6DFF8B5E-3724-4AF2-BD9B-1997D01B379C}" type="presParOf" srcId="{7F9F4A20-5C54-43B3-BB26-A64339CD302E}" destId="{4F153BDC-F21E-40CA-A923-8EBF0C2E0E6C}" srcOrd="4" destOrd="0" presId="urn:microsoft.com/office/officeart/2005/8/layout/vList2"/>
    <dgm:cxn modelId="{54165464-274E-43B4-8FC1-A26B9FE02A93}" type="presParOf" srcId="{7F9F4A20-5C54-43B3-BB26-A64339CD302E}" destId="{C626FD75-61AF-40E5-8F12-E8F199715470}" srcOrd="5" destOrd="0" presId="urn:microsoft.com/office/officeart/2005/8/layout/vList2"/>
    <dgm:cxn modelId="{C23E1E1B-B6EC-4978-AA1E-49A374D0BD3C}" type="presParOf" srcId="{7F9F4A20-5C54-43B3-BB26-A64339CD302E}" destId="{733D4AE9-33BA-400C-B548-14B636EEC521}" srcOrd="6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952681F-D1A4-460B-9898-A0FB2D3A73B8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ACE663B0-E44A-4DEC-9469-3A32817A5EBD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Bedeutung Grundlagenforschung</a:t>
          </a:r>
        </a:p>
      </dgm:t>
    </dgm:pt>
    <dgm:pt modelId="{D507FE17-AD97-4EFD-9DC0-8107E3E3CB15}" type="parTrans" cxnId="{CA2FBBB7-ABD1-4A7A-BA62-CF9A919A845B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D08D7EB-E676-48EF-90D0-0DA80746929E}" type="sibTrans" cxnId="{CA2FBBB7-ABD1-4A7A-BA62-CF9A919A845B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79E35E2-DEEE-4643-8436-308320787D02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Territorialitätsprinzip</a:t>
          </a:r>
        </a:p>
      </dgm:t>
    </dgm:pt>
    <dgm:pt modelId="{ADB8FE3A-00DC-410D-83DE-F164FE65BCCA}" type="par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4587573A-90B0-4654-ABA9-7F68C7024AD8}" type="sib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BB92C1E-1BFA-470B-87A8-9DB3BC33CD9F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Keine Projektförderung in Italien </a:t>
          </a:r>
        </a:p>
      </dgm:t>
    </dgm:pt>
    <dgm:pt modelId="{6CABB110-541E-4F45-B119-AE76E99BF967}" type="par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CE05674-D9AF-4D0F-BF92-8959619F7C2D}" type="sib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366C61F-C859-4611-B599-41F867A3CED0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Kooperation/Vernetzung</a:t>
          </a:r>
        </a:p>
      </dgm:t>
    </dgm:pt>
    <dgm:pt modelId="{2AAB8005-7298-4293-AE44-2D86B5C3B567}" type="par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E763234-5AA9-47DE-99AB-E9E908EC2574}" type="sib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5601242-C25C-4983-8C81-CD3CF79C5A33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Konzentration auf Stärken</a:t>
          </a:r>
        </a:p>
      </dgm:t>
    </dgm:pt>
    <dgm:pt modelId="{17287B92-844E-4750-AD92-5319E24A9BE8}" type="parTrans" cxnId="{5696CC74-5AEE-4363-A0ED-C08670144244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F1AFCEE-3CD5-4BDB-A999-89D5BC05E5A4}" type="sibTrans" cxnId="{5696CC74-5AEE-4363-A0ED-C08670144244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D82CECE-BAC4-4179-ADE2-96C88036303D}" type="pres">
      <dgm:prSet presAssocID="{7952681F-D1A4-460B-9898-A0FB2D3A73B8}" presName="linear" presStyleCnt="0">
        <dgm:presLayoutVars>
          <dgm:animLvl val="lvl"/>
          <dgm:resizeHandles val="exact"/>
        </dgm:presLayoutVars>
      </dgm:prSet>
      <dgm:spPr/>
    </dgm:pt>
    <dgm:pt modelId="{8A9C0ABE-6341-4234-AA0C-4C89E9F3D173}" type="pres">
      <dgm:prSet presAssocID="{ACE663B0-E44A-4DEC-9469-3A32817A5EBD}" presName="parentText" presStyleLbl="node1" presStyleIdx="0" presStyleCnt="5" custLinFactNeighborY="-38319">
        <dgm:presLayoutVars>
          <dgm:chMax val="0"/>
          <dgm:bulletEnabled val="1"/>
        </dgm:presLayoutVars>
      </dgm:prSet>
      <dgm:spPr/>
    </dgm:pt>
    <dgm:pt modelId="{7E1FD042-FA1D-4C0B-942E-D9EC780C5809}" type="pres">
      <dgm:prSet presAssocID="{9D08D7EB-E676-48EF-90D0-0DA80746929E}" presName="spacer" presStyleCnt="0"/>
      <dgm:spPr/>
    </dgm:pt>
    <dgm:pt modelId="{5799DF66-8DB6-4DB7-8230-74BB741E9BD5}" type="pres">
      <dgm:prSet presAssocID="{C79E35E2-DEEE-4643-8436-308320787D02}" presName="parentText" presStyleLbl="node1" presStyleIdx="1" presStyleCnt="5" custLinFactNeighborY="-19003">
        <dgm:presLayoutVars>
          <dgm:chMax val="0"/>
          <dgm:bulletEnabled val="1"/>
        </dgm:presLayoutVars>
      </dgm:prSet>
      <dgm:spPr/>
    </dgm:pt>
    <dgm:pt modelId="{D56674DA-1812-4224-9BC6-82BAB12B9E35}" type="pres">
      <dgm:prSet presAssocID="{4587573A-90B0-4654-ABA9-7F68C7024AD8}" presName="spacer" presStyleCnt="0"/>
      <dgm:spPr/>
    </dgm:pt>
    <dgm:pt modelId="{093EA689-D42B-4868-91A5-3E160676E835}" type="pres">
      <dgm:prSet presAssocID="{5BB92C1E-1BFA-470B-87A8-9DB3BC33CD9F}" presName="parentText" presStyleLbl="node1" presStyleIdx="2" presStyleCnt="5">
        <dgm:presLayoutVars>
          <dgm:chMax val="0"/>
          <dgm:bulletEnabled val="1"/>
        </dgm:presLayoutVars>
      </dgm:prSet>
      <dgm:spPr/>
    </dgm:pt>
    <dgm:pt modelId="{B78D9A0C-0782-4B10-84BF-09A30CC85EFE}" type="pres">
      <dgm:prSet presAssocID="{2CE05674-D9AF-4D0F-BF92-8959619F7C2D}" presName="spacer" presStyleCnt="0"/>
      <dgm:spPr/>
    </dgm:pt>
    <dgm:pt modelId="{9053F88B-63B8-4978-A4F5-52D25F314757}" type="pres">
      <dgm:prSet presAssocID="{7366C61F-C859-4611-B599-41F867A3CED0}" presName="parentText" presStyleLbl="node1" presStyleIdx="3" presStyleCnt="5">
        <dgm:presLayoutVars>
          <dgm:chMax val="0"/>
          <dgm:bulletEnabled val="1"/>
        </dgm:presLayoutVars>
      </dgm:prSet>
      <dgm:spPr/>
    </dgm:pt>
    <dgm:pt modelId="{A3FAD5F6-9648-41CA-B295-70A1CBD8D492}" type="pres">
      <dgm:prSet presAssocID="{DE763234-5AA9-47DE-99AB-E9E908EC2574}" presName="spacer" presStyleCnt="0"/>
      <dgm:spPr/>
    </dgm:pt>
    <dgm:pt modelId="{8C4DC578-7098-45EC-A006-548F7A3C5775}" type="pres">
      <dgm:prSet presAssocID="{95601242-C25C-4983-8C81-CD3CF79C5A33}" presName="parentText" presStyleLbl="node1" presStyleIdx="4" presStyleCnt="5">
        <dgm:presLayoutVars>
          <dgm:chMax val="0"/>
          <dgm:bulletEnabled val="1"/>
        </dgm:presLayoutVars>
      </dgm:prSet>
      <dgm:spPr/>
    </dgm:pt>
  </dgm:ptLst>
  <dgm:cxnLst>
    <dgm:cxn modelId="{75A45237-F686-4F7F-8103-D69C0AEADE3F}" srcId="{7952681F-D1A4-460B-9898-A0FB2D3A73B8}" destId="{5BB92C1E-1BFA-470B-87A8-9DB3BC33CD9F}" srcOrd="2" destOrd="0" parTransId="{6CABB110-541E-4F45-B119-AE76E99BF967}" sibTransId="{2CE05674-D9AF-4D0F-BF92-8959619F7C2D}"/>
    <dgm:cxn modelId="{7DED543F-1DD3-4AAF-8EEB-1F34028B39BF}" srcId="{7952681F-D1A4-460B-9898-A0FB2D3A73B8}" destId="{C79E35E2-DEEE-4643-8436-308320787D02}" srcOrd="1" destOrd="0" parTransId="{ADB8FE3A-00DC-410D-83DE-F164FE65BCCA}" sibTransId="{4587573A-90B0-4654-ABA9-7F68C7024AD8}"/>
    <dgm:cxn modelId="{19AC5C62-BA68-47F8-9A97-E3213465D160}" srcId="{7952681F-D1A4-460B-9898-A0FB2D3A73B8}" destId="{7366C61F-C859-4611-B599-41F867A3CED0}" srcOrd="3" destOrd="0" parTransId="{2AAB8005-7298-4293-AE44-2D86B5C3B567}" sibTransId="{DE763234-5AA9-47DE-99AB-E9E908EC2574}"/>
    <dgm:cxn modelId="{33A59652-5D53-4620-A304-265CAFA4ED46}" type="presOf" srcId="{C79E35E2-DEEE-4643-8436-308320787D02}" destId="{5799DF66-8DB6-4DB7-8230-74BB741E9BD5}" srcOrd="0" destOrd="0" presId="urn:microsoft.com/office/officeart/2005/8/layout/vList2"/>
    <dgm:cxn modelId="{5696CC74-5AEE-4363-A0ED-C08670144244}" srcId="{7952681F-D1A4-460B-9898-A0FB2D3A73B8}" destId="{95601242-C25C-4983-8C81-CD3CF79C5A33}" srcOrd="4" destOrd="0" parTransId="{17287B92-844E-4750-AD92-5319E24A9BE8}" sibTransId="{0F1AFCEE-3CD5-4BDB-A999-89D5BC05E5A4}"/>
    <dgm:cxn modelId="{0CA6D396-71BF-48C2-ACD8-AD23712D6437}" type="presOf" srcId="{7952681F-D1A4-460B-9898-A0FB2D3A73B8}" destId="{DD82CECE-BAC4-4179-ADE2-96C88036303D}" srcOrd="0" destOrd="0" presId="urn:microsoft.com/office/officeart/2005/8/layout/vList2"/>
    <dgm:cxn modelId="{62F92FB0-57AC-4232-BC2B-BDD85851B97A}" type="presOf" srcId="{95601242-C25C-4983-8C81-CD3CF79C5A33}" destId="{8C4DC578-7098-45EC-A006-548F7A3C5775}" srcOrd="0" destOrd="0" presId="urn:microsoft.com/office/officeart/2005/8/layout/vList2"/>
    <dgm:cxn modelId="{CA2FBBB7-ABD1-4A7A-BA62-CF9A919A845B}" srcId="{7952681F-D1A4-460B-9898-A0FB2D3A73B8}" destId="{ACE663B0-E44A-4DEC-9469-3A32817A5EBD}" srcOrd="0" destOrd="0" parTransId="{D507FE17-AD97-4EFD-9DC0-8107E3E3CB15}" sibTransId="{9D08D7EB-E676-48EF-90D0-0DA80746929E}"/>
    <dgm:cxn modelId="{F1355DC9-80E1-4D5D-9C65-1A5020C11C55}" type="presOf" srcId="{ACE663B0-E44A-4DEC-9469-3A32817A5EBD}" destId="{8A9C0ABE-6341-4234-AA0C-4C89E9F3D173}" srcOrd="0" destOrd="0" presId="urn:microsoft.com/office/officeart/2005/8/layout/vList2"/>
    <dgm:cxn modelId="{24A5E1CF-059A-4350-A0D6-3036212C5F4A}" type="presOf" srcId="{5BB92C1E-1BFA-470B-87A8-9DB3BC33CD9F}" destId="{093EA689-D42B-4868-91A5-3E160676E835}" srcOrd="0" destOrd="0" presId="urn:microsoft.com/office/officeart/2005/8/layout/vList2"/>
    <dgm:cxn modelId="{CF541BD9-2657-4225-A574-A2AC95E34CE8}" type="presOf" srcId="{7366C61F-C859-4611-B599-41F867A3CED0}" destId="{9053F88B-63B8-4978-A4F5-52D25F314757}" srcOrd="0" destOrd="0" presId="urn:microsoft.com/office/officeart/2005/8/layout/vList2"/>
    <dgm:cxn modelId="{4563D472-FA13-4906-849E-3A5E70FD24CF}" type="presParOf" srcId="{DD82CECE-BAC4-4179-ADE2-96C88036303D}" destId="{8A9C0ABE-6341-4234-AA0C-4C89E9F3D173}" srcOrd="0" destOrd="0" presId="urn:microsoft.com/office/officeart/2005/8/layout/vList2"/>
    <dgm:cxn modelId="{C3C7E233-0132-4633-B630-C70F2B391D6E}" type="presParOf" srcId="{DD82CECE-BAC4-4179-ADE2-96C88036303D}" destId="{7E1FD042-FA1D-4C0B-942E-D9EC780C5809}" srcOrd="1" destOrd="0" presId="urn:microsoft.com/office/officeart/2005/8/layout/vList2"/>
    <dgm:cxn modelId="{F02CE8C6-4779-4CF7-B77A-84D41352FDAD}" type="presParOf" srcId="{DD82CECE-BAC4-4179-ADE2-96C88036303D}" destId="{5799DF66-8DB6-4DB7-8230-74BB741E9BD5}" srcOrd="2" destOrd="0" presId="urn:microsoft.com/office/officeart/2005/8/layout/vList2"/>
    <dgm:cxn modelId="{6F7AE2F4-A94E-4746-B855-1B7852D22501}" type="presParOf" srcId="{DD82CECE-BAC4-4179-ADE2-96C88036303D}" destId="{D56674DA-1812-4224-9BC6-82BAB12B9E35}" srcOrd="3" destOrd="0" presId="urn:microsoft.com/office/officeart/2005/8/layout/vList2"/>
    <dgm:cxn modelId="{2D8B8EF5-96ED-4499-B55E-B876905C44F3}" type="presParOf" srcId="{DD82CECE-BAC4-4179-ADE2-96C88036303D}" destId="{093EA689-D42B-4868-91A5-3E160676E835}" srcOrd="4" destOrd="0" presId="urn:microsoft.com/office/officeart/2005/8/layout/vList2"/>
    <dgm:cxn modelId="{6E7DEED1-2EF1-40DE-BF6B-76604B614882}" type="presParOf" srcId="{DD82CECE-BAC4-4179-ADE2-96C88036303D}" destId="{B78D9A0C-0782-4B10-84BF-09A30CC85EFE}" srcOrd="5" destOrd="0" presId="urn:microsoft.com/office/officeart/2005/8/layout/vList2"/>
    <dgm:cxn modelId="{BFE9C7B6-DB66-4788-A099-01FD626CD2E1}" type="presParOf" srcId="{DD82CECE-BAC4-4179-ADE2-96C88036303D}" destId="{9053F88B-63B8-4978-A4F5-52D25F314757}" srcOrd="6" destOrd="0" presId="urn:microsoft.com/office/officeart/2005/8/layout/vList2"/>
    <dgm:cxn modelId="{AEA9E8E9-7652-4686-8ED0-ECFFDD97DEA3}" type="presParOf" srcId="{DD82CECE-BAC4-4179-ADE2-96C88036303D}" destId="{A3FAD5F6-9648-41CA-B295-70A1CBD8D492}" srcOrd="7" destOrd="0" presId="urn:microsoft.com/office/officeart/2005/8/layout/vList2"/>
    <dgm:cxn modelId="{3EF7A72C-A3C7-41F1-BFEF-0DD4C084E14E}" type="presParOf" srcId="{DD82CECE-BAC4-4179-ADE2-96C88036303D}" destId="{8C4DC578-7098-45EC-A006-548F7A3C5775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BD02F36-5004-40C5-9F73-D3AB50EFC33B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0823FD57-CC9F-4B78-B34C-551B54A2C6DA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Cooperazione/interconnessione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A880237-5302-4D84-87E5-BF88A5854AB1}" type="par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E3184CA-2474-4206-91ED-4F19CFC2012F}" type="sib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C21C80A-1402-4E97-9B40-672FDEB4B2C4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Concentrarsi sui punti di forza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BC98717-5B5B-44F3-8773-C48EAB436367}" type="parTrans" cxnId="{FCA9EC93-4EA3-468C-A300-71F8291F8BAD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2ECA199-9F36-4766-8842-579AE3EDADD5}" type="sibTrans" cxnId="{FCA9EC93-4EA3-468C-A300-71F8291F8BAD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71776CA-8F3A-443F-AC86-9580F5C003BE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Nessun finanziamento di progetti in Italia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C83371F-9AAC-4165-A166-FE8513783BEC}" type="sib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F0A8895-AC70-42C6-A302-3BFBACF57A6E}" type="par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52262BE-C423-4F0F-9B33-F5840FB9F940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Importanza della ricerca di base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EB12FC3-6BA3-4D06-B418-0749C77438E8}" type="sibTrans" cxnId="{3B39AC93-7CE7-47EE-8A35-9145136CF56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EE22823-7074-4276-BCCC-4BD4CFD00982}" type="parTrans" cxnId="{3B39AC93-7CE7-47EE-8A35-9145136CF56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F35881E-8346-47CB-9B2E-4C5F733D1B51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Principio della territorialità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84E496C-247E-4754-A4B4-72608E9E9A91}" type="sib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0BA8DAD-6305-4201-914A-ECF281A7A7F7}" type="par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E5A2ECA-3F26-4F76-882B-208BB25A4C75}" type="pres">
      <dgm:prSet presAssocID="{5BD02F36-5004-40C5-9F73-D3AB50EFC33B}" presName="linear" presStyleCnt="0">
        <dgm:presLayoutVars>
          <dgm:animLvl val="lvl"/>
          <dgm:resizeHandles val="exact"/>
        </dgm:presLayoutVars>
      </dgm:prSet>
      <dgm:spPr/>
    </dgm:pt>
    <dgm:pt modelId="{72DFB3BF-05E8-406F-9B95-2B944690D274}" type="pres">
      <dgm:prSet presAssocID="{252262BE-C423-4F0F-9B33-F5840FB9F940}" presName="parentText" presStyleLbl="node1" presStyleIdx="0" presStyleCnt="5" custLinFactNeighborY="-43177">
        <dgm:presLayoutVars>
          <dgm:chMax val="0"/>
          <dgm:bulletEnabled val="1"/>
        </dgm:presLayoutVars>
      </dgm:prSet>
      <dgm:spPr/>
    </dgm:pt>
    <dgm:pt modelId="{C9584804-BD6E-4AC4-BB42-C4C3ABD0D3F2}" type="pres">
      <dgm:prSet presAssocID="{7EB12FC3-6BA3-4D06-B418-0749C77438E8}" presName="spacer" presStyleCnt="0"/>
      <dgm:spPr/>
    </dgm:pt>
    <dgm:pt modelId="{A381B20F-D960-43E1-96AC-E0A92D16D39E}" type="pres">
      <dgm:prSet presAssocID="{1F35881E-8346-47CB-9B2E-4C5F733D1B51}" presName="parentText" presStyleLbl="node1" presStyleIdx="1" presStyleCnt="5" custLinFactNeighborX="-561" custLinFactNeighborY="-23860">
        <dgm:presLayoutVars>
          <dgm:chMax val="0"/>
          <dgm:bulletEnabled val="1"/>
        </dgm:presLayoutVars>
      </dgm:prSet>
      <dgm:spPr/>
    </dgm:pt>
    <dgm:pt modelId="{36875748-D0A8-4E14-A987-175EEBD88ACC}" type="pres">
      <dgm:prSet presAssocID="{E84E496C-247E-4754-A4B4-72608E9E9A91}" presName="spacer" presStyleCnt="0"/>
      <dgm:spPr/>
    </dgm:pt>
    <dgm:pt modelId="{493CD02B-D5FF-438B-94E5-B97B1D29BAEA}" type="pres">
      <dgm:prSet presAssocID="{071776CA-8F3A-443F-AC86-9580F5C003BE}" presName="parentText" presStyleLbl="node1" presStyleIdx="2" presStyleCnt="5">
        <dgm:presLayoutVars>
          <dgm:chMax val="0"/>
          <dgm:bulletEnabled val="1"/>
        </dgm:presLayoutVars>
      </dgm:prSet>
      <dgm:spPr/>
    </dgm:pt>
    <dgm:pt modelId="{AC999F22-FC92-427A-90CD-F47C71254A08}" type="pres">
      <dgm:prSet presAssocID="{1C83371F-9AAC-4165-A166-FE8513783BEC}" presName="spacer" presStyleCnt="0"/>
      <dgm:spPr/>
    </dgm:pt>
    <dgm:pt modelId="{071EE20E-0F97-4E40-A9DF-8CC5C4D69728}" type="pres">
      <dgm:prSet presAssocID="{0823FD57-CC9F-4B78-B34C-551B54A2C6DA}" presName="parentText" presStyleLbl="node1" presStyleIdx="3" presStyleCnt="5">
        <dgm:presLayoutVars>
          <dgm:chMax val="0"/>
          <dgm:bulletEnabled val="1"/>
        </dgm:presLayoutVars>
      </dgm:prSet>
      <dgm:spPr/>
    </dgm:pt>
    <dgm:pt modelId="{34B5A787-E1E2-4837-B59B-DCB554D7D3F0}" type="pres">
      <dgm:prSet presAssocID="{BE3184CA-2474-4206-91ED-4F19CFC2012F}" presName="spacer" presStyleCnt="0"/>
      <dgm:spPr/>
    </dgm:pt>
    <dgm:pt modelId="{84B98633-07D2-40D3-ADB1-96EBE7CA531D}" type="pres">
      <dgm:prSet presAssocID="{6C21C80A-1402-4E97-9B40-672FDEB4B2C4}" presName="parentText" presStyleLbl="node1" presStyleIdx="4" presStyleCnt="5">
        <dgm:presLayoutVars>
          <dgm:chMax val="0"/>
          <dgm:bulletEnabled val="1"/>
        </dgm:presLayoutVars>
      </dgm:prSet>
      <dgm:spPr/>
    </dgm:pt>
  </dgm:ptLst>
  <dgm:cxnLst>
    <dgm:cxn modelId="{1392180D-C77D-4FF7-9BBD-256A5B8E4512}" type="presOf" srcId="{071776CA-8F3A-443F-AC86-9580F5C003BE}" destId="{493CD02B-D5FF-438B-94E5-B97B1D29BAEA}" srcOrd="0" destOrd="0" presId="urn:microsoft.com/office/officeart/2005/8/layout/vList2"/>
    <dgm:cxn modelId="{83ED6519-09BD-48F4-91EB-3D1F461E276A}" type="presOf" srcId="{5BD02F36-5004-40C5-9F73-D3AB50EFC33B}" destId="{AE5A2ECA-3F26-4F76-882B-208BB25A4C75}" srcOrd="0" destOrd="0" presId="urn:microsoft.com/office/officeart/2005/8/layout/vList2"/>
    <dgm:cxn modelId="{DDEF5928-2C49-4E5C-8851-4E2504D74658}" srcId="{5BD02F36-5004-40C5-9F73-D3AB50EFC33B}" destId="{071776CA-8F3A-443F-AC86-9580F5C003BE}" srcOrd="2" destOrd="0" parTransId="{0F0A8895-AC70-42C6-A302-3BFBACF57A6E}" sibTransId="{1C83371F-9AAC-4165-A166-FE8513783BEC}"/>
    <dgm:cxn modelId="{2FD8813B-4D78-4DE0-A890-54B9846E88C5}" srcId="{5BD02F36-5004-40C5-9F73-D3AB50EFC33B}" destId="{1F35881E-8346-47CB-9B2E-4C5F733D1B51}" srcOrd="1" destOrd="0" parTransId="{E0BA8DAD-6305-4201-914A-ECF281A7A7F7}" sibTransId="{E84E496C-247E-4754-A4B4-72608E9E9A91}"/>
    <dgm:cxn modelId="{5E838C52-5021-42D4-9E5F-AF04A2ABAC3B}" type="presOf" srcId="{0823FD57-CC9F-4B78-B34C-551B54A2C6DA}" destId="{071EE20E-0F97-4E40-A9DF-8CC5C4D69728}" srcOrd="0" destOrd="0" presId="urn:microsoft.com/office/officeart/2005/8/layout/vList2"/>
    <dgm:cxn modelId="{F82B0876-FC51-4850-9D4F-2C51D85EAE4A}" type="presOf" srcId="{1F35881E-8346-47CB-9B2E-4C5F733D1B51}" destId="{A381B20F-D960-43E1-96AC-E0A92D16D39E}" srcOrd="0" destOrd="0" presId="urn:microsoft.com/office/officeart/2005/8/layout/vList2"/>
    <dgm:cxn modelId="{EC5FC457-22B1-48C0-BF12-7E2D97F7B6BE}" type="presOf" srcId="{6C21C80A-1402-4E97-9B40-672FDEB4B2C4}" destId="{84B98633-07D2-40D3-ADB1-96EBE7CA531D}" srcOrd="0" destOrd="0" presId="urn:microsoft.com/office/officeart/2005/8/layout/vList2"/>
    <dgm:cxn modelId="{44919A79-E5EF-4092-B1A3-EFD7F4486745}" type="presOf" srcId="{252262BE-C423-4F0F-9B33-F5840FB9F940}" destId="{72DFB3BF-05E8-406F-9B95-2B944690D274}" srcOrd="0" destOrd="0" presId="urn:microsoft.com/office/officeart/2005/8/layout/vList2"/>
    <dgm:cxn modelId="{3B39AC93-7CE7-47EE-8A35-9145136CF561}" srcId="{5BD02F36-5004-40C5-9F73-D3AB50EFC33B}" destId="{252262BE-C423-4F0F-9B33-F5840FB9F940}" srcOrd="0" destOrd="0" parTransId="{EEE22823-7074-4276-BCCC-4BD4CFD00982}" sibTransId="{7EB12FC3-6BA3-4D06-B418-0749C77438E8}"/>
    <dgm:cxn modelId="{FCA9EC93-4EA3-468C-A300-71F8291F8BAD}" srcId="{5BD02F36-5004-40C5-9F73-D3AB50EFC33B}" destId="{6C21C80A-1402-4E97-9B40-672FDEB4B2C4}" srcOrd="4" destOrd="0" parTransId="{0BC98717-5B5B-44F3-8773-C48EAB436367}" sibTransId="{E2ECA199-9F36-4766-8842-579AE3EDADD5}"/>
    <dgm:cxn modelId="{4E12DEDD-EC4C-4558-A5BF-A524E42B7AD2}" srcId="{5BD02F36-5004-40C5-9F73-D3AB50EFC33B}" destId="{0823FD57-CC9F-4B78-B34C-551B54A2C6DA}" srcOrd="3" destOrd="0" parTransId="{6A880237-5302-4D84-87E5-BF88A5854AB1}" sibTransId="{BE3184CA-2474-4206-91ED-4F19CFC2012F}"/>
    <dgm:cxn modelId="{5D32DB0B-5363-4A3D-9B3D-E25FA2F9FC88}" type="presParOf" srcId="{AE5A2ECA-3F26-4F76-882B-208BB25A4C75}" destId="{72DFB3BF-05E8-406F-9B95-2B944690D274}" srcOrd="0" destOrd="0" presId="urn:microsoft.com/office/officeart/2005/8/layout/vList2"/>
    <dgm:cxn modelId="{75285DA9-BCAA-417D-A5CD-CDB527CEA614}" type="presParOf" srcId="{AE5A2ECA-3F26-4F76-882B-208BB25A4C75}" destId="{C9584804-BD6E-4AC4-BB42-C4C3ABD0D3F2}" srcOrd="1" destOrd="0" presId="urn:microsoft.com/office/officeart/2005/8/layout/vList2"/>
    <dgm:cxn modelId="{63FD9367-BF04-4DCC-B21E-B8D8976880E4}" type="presParOf" srcId="{AE5A2ECA-3F26-4F76-882B-208BB25A4C75}" destId="{A381B20F-D960-43E1-96AC-E0A92D16D39E}" srcOrd="2" destOrd="0" presId="urn:microsoft.com/office/officeart/2005/8/layout/vList2"/>
    <dgm:cxn modelId="{8B435FC4-D1B2-4CD8-853E-4801B11BF5AE}" type="presParOf" srcId="{AE5A2ECA-3F26-4F76-882B-208BB25A4C75}" destId="{36875748-D0A8-4E14-A987-175EEBD88ACC}" srcOrd="3" destOrd="0" presId="urn:microsoft.com/office/officeart/2005/8/layout/vList2"/>
    <dgm:cxn modelId="{81866FFD-F6AF-4641-AE74-0FC19F5EEECD}" type="presParOf" srcId="{AE5A2ECA-3F26-4F76-882B-208BB25A4C75}" destId="{493CD02B-D5FF-438B-94E5-B97B1D29BAEA}" srcOrd="4" destOrd="0" presId="urn:microsoft.com/office/officeart/2005/8/layout/vList2"/>
    <dgm:cxn modelId="{8675C37D-2BE3-4A77-9E4B-E73ED505913E}" type="presParOf" srcId="{AE5A2ECA-3F26-4F76-882B-208BB25A4C75}" destId="{AC999F22-FC92-427A-90CD-F47C71254A08}" srcOrd="5" destOrd="0" presId="urn:microsoft.com/office/officeart/2005/8/layout/vList2"/>
    <dgm:cxn modelId="{D819A803-7585-4546-BB30-448BFDD5494A}" type="presParOf" srcId="{AE5A2ECA-3F26-4F76-882B-208BB25A4C75}" destId="{071EE20E-0F97-4E40-A9DF-8CC5C4D69728}" srcOrd="6" destOrd="0" presId="urn:microsoft.com/office/officeart/2005/8/layout/vList2"/>
    <dgm:cxn modelId="{8E69E3A6-0177-43B8-A8D5-F0CECDDC687A}" type="presParOf" srcId="{AE5A2ECA-3F26-4F76-882B-208BB25A4C75}" destId="{34B5A787-E1E2-4837-B59B-DCB554D7D3F0}" srcOrd="7" destOrd="0" presId="urn:microsoft.com/office/officeart/2005/8/layout/vList2"/>
    <dgm:cxn modelId="{0A625AFC-4B9E-427C-99B1-9A70FC1AAA5C}" type="presParOf" srcId="{AE5A2ECA-3F26-4F76-882B-208BB25A4C75}" destId="{84B98633-07D2-40D3-ADB1-96EBE7CA531D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7952681F-D1A4-460B-9898-A0FB2D3A73B8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ACE663B0-E44A-4DEC-9469-3A32817A5EBD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Einrichtung Wissenschaftsfonds zur Projektförderung</a:t>
          </a:r>
        </a:p>
      </dgm:t>
    </dgm:pt>
    <dgm:pt modelId="{D507FE17-AD97-4EFD-9DC0-8107E3E3CB15}" type="parTrans" cxnId="{CA2FBBB7-ABD1-4A7A-BA62-CF9A919A845B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D08D7EB-E676-48EF-90D0-0DA80746929E}" type="sibTrans" cxnId="{CA2FBBB7-ABD1-4A7A-BA62-CF9A919A845B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79E35E2-DEEE-4643-8436-308320787D02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Ausbau Kooperation: Beteiligung an Calls von Nachbarländern</a:t>
          </a:r>
        </a:p>
      </dgm:t>
    </dgm:pt>
    <dgm:pt modelId="{ADB8FE3A-00DC-410D-83DE-F164FE65BCCA}" type="par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4587573A-90B0-4654-ABA9-7F68C7024AD8}" type="sib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BB92C1E-1BFA-470B-87A8-9DB3BC33CD9F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Stärkung Forschungssystem Südtirol</a:t>
          </a:r>
        </a:p>
      </dgm:t>
    </dgm:pt>
    <dgm:pt modelId="{6CABB110-541E-4F45-B119-AE76E99BF967}" type="par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CE05674-D9AF-4D0F-BF92-8959619F7C2D}" type="sib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366C61F-C859-4611-B599-41F867A3CED0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Stärkung Präsenz in Brüssel</a:t>
          </a:r>
        </a:p>
      </dgm:t>
    </dgm:pt>
    <dgm:pt modelId="{2AAB8005-7298-4293-AE44-2D86B5C3B567}" type="par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E763234-5AA9-47DE-99AB-E9E908EC2574}" type="sib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95601242-C25C-4983-8C81-CD3CF79C5A33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Reorganisation Abteilung </a:t>
          </a:r>
          <a:r>
            <a:rPr lang="de-DE" sz="18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-vation</a:t>
          </a:r>
          <a:r>
            <a:rPr lang="de-DE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 Forschung und Universität</a:t>
          </a:r>
        </a:p>
      </dgm:t>
    </dgm:pt>
    <dgm:pt modelId="{17287B92-844E-4750-AD92-5319E24A9BE8}" type="parTrans" cxnId="{5696CC74-5AEE-4363-A0ED-C08670144244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F1AFCEE-3CD5-4BDB-A999-89D5BC05E5A4}" type="sibTrans" cxnId="{5696CC74-5AEE-4363-A0ED-C08670144244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D82CECE-BAC4-4179-ADE2-96C88036303D}" type="pres">
      <dgm:prSet presAssocID="{7952681F-D1A4-460B-9898-A0FB2D3A73B8}" presName="linear" presStyleCnt="0">
        <dgm:presLayoutVars>
          <dgm:animLvl val="lvl"/>
          <dgm:resizeHandles val="exact"/>
        </dgm:presLayoutVars>
      </dgm:prSet>
      <dgm:spPr/>
    </dgm:pt>
    <dgm:pt modelId="{8A9C0ABE-6341-4234-AA0C-4C89E9F3D173}" type="pres">
      <dgm:prSet presAssocID="{ACE663B0-E44A-4DEC-9469-3A32817A5EBD}" presName="parentText" presStyleLbl="node1" presStyleIdx="0" presStyleCnt="5" custScaleY="120973">
        <dgm:presLayoutVars>
          <dgm:chMax val="0"/>
          <dgm:bulletEnabled val="1"/>
        </dgm:presLayoutVars>
      </dgm:prSet>
      <dgm:spPr/>
    </dgm:pt>
    <dgm:pt modelId="{7E1FD042-FA1D-4C0B-942E-D9EC780C5809}" type="pres">
      <dgm:prSet presAssocID="{9D08D7EB-E676-48EF-90D0-0DA80746929E}" presName="spacer" presStyleCnt="0"/>
      <dgm:spPr/>
    </dgm:pt>
    <dgm:pt modelId="{5799DF66-8DB6-4DB7-8230-74BB741E9BD5}" type="pres">
      <dgm:prSet presAssocID="{C79E35E2-DEEE-4643-8436-308320787D02}" presName="parentText" presStyleLbl="node1" presStyleIdx="1" presStyleCnt="5" custScaleY="116397">
        <dgm:presLayoutVars>
          <dgm:chMax val="0"/>
          <dgm:bulletEnabled val="1"/>
        </dgm:presLayoutVars>
      </dgm:prSet>
      <dgm:spPr/>
    </dgm:pt>
    <dgm:pt modelId="{D56674DA-1812-4224-9BC6-82BAB12B9E35}" type="pres">
      <dgm:prSet presAssocID="{4587573A-90B0-4654-ABA9-7F68C7024AD8}" presName="spacer" presStyleCnt="0"/>
      <dgm:spPr/>
    </dgm:pt>
    <dgm:pt modelId="{093EA689-D42B-4868-91A5-3E160676E835}" type="pres">
      <dgm:prSet presAssocID="{5BB92C1E-1BFA-470B-87A8-9DB3BC33CD9F}" presName="parentText" presStyleLbl="node1" presStyleIdx="2" presStyleCnt="5" custScaleY="119543">
        <dgm:presLayoutVars>
          <dgm:chMax val="0"/>
          <dgm:bulletEnabled val="1"/>
        </dgm:presLayoutVars>
      </dgm:prSet>
      <dgm:spPr/>
    </dgm:pt>
    <dgm:pt modelId="{B78D9A0C-0782-4B10-84BF-09A30CC85EFE}" type="pres">
      <dgm:prSet presAssocID="{2CE05674-D9AF-4D0F-BF92-8959619F7C2D}" presName="spacer" presStyleCnt="0"/>
      <dgm:spPr/>
    </dgm:pt>
    <dgm:pt modelId="{9053F88B-63B8-4978-A4F5-52D25F314757}" type="pres">
      <dgm:prSet presAssocID="{7366C61F-C859-4611-B599-41F867A3CED0}" presName="parentText" presStyleLbl="node1" presStyleIdx="3" presStyleCnt="5" custScaleY="119543">
        <dgm:presLayoutVars>
          <dgm:chMax val="0"/>
          <dgm:bulletEnabled val="1"/>
        </dgm:presLayoutVars>
      </dgm:prSet>
      <dgm:spPr/>
    </dgm:pt>
    <dgm:pt modelId="{A3FAD5F6-9648-41CA-B295-70A1CBD8D492}" type="pres">
      <dgm:prSet presAssocID="{DE763234-5AA9-47DE-99AB-E9E908EC2574}" presName="spacer" presStyleCnt="0"/>
      <dgm:spPr/>
    </dgm:pt>
    <dgm:pt modelId="{8C4DC578-7098-45EC-A006-548F7A3C5775}" type="pres">
      <dgm:prSet presAssocID="{95601242-C25C-4983-8C81-CD3CF79C5A33}" presName="parentText" presStyleLbl="node1" presStyleIdx="4" presStyleCnt="5" custScaleY="120664">
        <dgm:presLayoutVars>
          <dgm:chMax val="0"/>
          <dgm:bulletEnabled val="1"/>
        </dgm:presLayoutVars>
      </dgm:prSet>
      <dgm:spPr/>
    </dgm:pt>
  </dgm:ptLst>
  <dgm:cxnLst>
    <dgm:cxn modelId="{75A45237-F686-4F7F-8103-D69C0AEADE3F}" srcId="{7952681F-D1A4-460B-9898-A0FB2D3A73B8}" destId="{5BB92C1E-1BFA-470B-87A8-9DB3BC33CD9F}" srcOrd="2" destOrd="0" parTransId="{6CABB110-541E-4F45-B119-AE76E99BF967}" sibTransId="{2CE05674-D9AF-4D0F-BF92-8959619F7C2D}"/>
    <dgm:cxn modelId="{7DED543F-1DD3-4AAF-8EEB-1F34028B39BF}" srcId="{7952681F-D1A4-460B-9898-A0FB2D3A73B8}" destId="{C79E35E2-DEEE-4643-8436-308320787D02}" srcOrd="1" destOrd="0" parTransId="{ADB8FE3A-00DC-410D-83DE-F164FE65BCCA}" sibTransId="{4587573A-90B0-4654-ABA9-7F68C7024AD8}"/>
    <dgm:cxn modelId="{19AC5C62-BA68-47F8-9A97-E3213465D160}" srcId="{7952681F-D1A4-460B-9898-A0FB2D3A73B8}" destId="{7366C61F-C859-4611-B599-41F867A3CED0}" srcOrd="3" destOrd="0" parTransId="{2AAB8005-7298-4293-AE44-2D86B5C3B567}" sibTransId="{DE763234-5AA9-47DE-99AB-E9E908EC2574}"/>
    <dgm:cxn modelId="{33A59652-5D53-4620-A304-265CAFA4ED46}" type="presOf" srcId="{C79E35E2-DEEE-4643-8436-308320787D02}" destId="{5799DF66-8DB6-4DB7-8230-74BB741E9BD5}" srcOrd="0" destOrd="0" presId="urn:microsoft.com/office/officeart/2005/8/layout/vList2"/>
    <dgm:cxn modelId="{5696CC74-5AEE-4363-A0ED-C08670144244}" srcId="{7952681F-D1A4-460B-9898-A0FB2D3A73B8}" destId="{95601242-C25C-4983-8C81-CD3CF79C5A33}" srcOrd="4" destOrd="0" parTransId="{17287B92-844E-4750-AD92-5319E24A9BE8}" sibTransId="{0F1AFCEE-3CD5-4BDB-A999-89D5BC05E5A4}"/>
    <dgm:cxn modelId="{0CA6D396-71BF-48C2-ACD8-AD23712D6437}" type="presOf" srcId="{7952681F-D1A4-460B-9898-A0FB2D3A73B8}" destId="{DD82CECE-BAC4-4179-ADE2-96C88036303D}" srcOrd="0" destOrd="0" presId="urn:microsoft.com/office/officeart/2005/8/layout/vList2"/>
    <dgm:cxn modelId="{62F92FB0-57AC-4232-BC2B-BDD85851B97A}" type="presOf" srcId="{95601242-C25C-4983-8C81-CD3CF79C5A33}" destId="{8C4DC578-7098-45EC-A006-548F7A3C5775}" srcOrd="0" destOrd="0" presId="urn:microsoft.com/office/officeart/2005/8/layout/vList2"/>
    <dgm:cxn modelId="{CA2FBBB7-ABD1-4A7A-BA62-CF9A919A845B}" srcId="{7952681F-D1A4-460B-9898-A0FB2D3A73B8}" destId="{ACE663B0-E44A-4DEC-9469-3A32817A5EBD}" srcOrd="0" destOrd="0" parTransId="{D507FE17-AD97-4EFD-9DC0-8107E3E3CB15}" sibTransId="{9D08D7EB-E676-48EF-90D0-0DA80746929E}"/>
    <dgm:cxn modelId="{F1355DC9-80E1-4D5D-9C65-1A5020C11C55}" type="presOf" srcId="{ACE663B0-E44A-4DEC-9469-3A32817A5EBD}" destId="{8A9C0ABE-6341-4234-AA0C-4C89E9F3D173}" srcOrd="0" destOrd="0" presId="urn:microsoft.com/office/officeart/2005/8/layout/vList2"/>
    <dgm:cxn modelId="{24A5E1CF-059A-4350-A0D6-3036212C5F4A}" type="presOf" srcId="{5BB92C1E-1BFA-470B-87A8-9DB3BC33CD9F}" destId="{093EA689-D42B-4868-91A5-3E160676E835}" srcOrd="0" destOrd="0" presId="urn:microsoft.com/office/officeart/2005/8/layout/vList2"/>
    <dgm:cxn modelId="{CF541BD9-2657-4225-A574-A2AC95E34CE8}" type="presOf" srcId="{7366C61F-C859-4611-B599-41F867A3CED0}" destId="{9053F88B-63B8-4978-A4F5-52D25F314757}" srcOrd="0" destOrd="0" presId="urn:microsoft.com/office/officeart/2005/8/layout/vList2"/>
    <dgm:cxn modelId="{4563D472-FA13-4906-849E-3A5E70FD24CF}" type="presParOf" srcId="{DD82CECE-BAC4-4179-ADE2-96C88036303D}" destId="{8A9C0ABE-6341-4234-AA0C-4C89E9F3D173}" srcOrd="0" destOrd="0" presId="urn:microsoft.com/office/officeart/2005/8/layout/vList2"/>
    <dgm:cxn modelId="{C3C7E233-0132-4633-B630-C70F2B391D6E}" type="presParOf" srcId="{DD82CECE-BAC4-4179-ADE2-96C88036303D}" destId="{7E1FD042-FA1D-4C0B-942E-D9EC780C5809}" srcOrd="1" destOrd="0" presId="urn:microsoft.com/office/officeart/2005/8/layout/vList2"/>
    <dgm:cxn modelId="{F02CE8C6-4779-4CF7-B77A-84D41352FDAD}" type="presParOf" srcId="{DD82CECE-BAC4-4179-ADE2-96C88036303D}" destId="{5799DF66-8DB6-4DB7-8230-74BB741E9BD5}" srcOrd="2" destOrd="0" presId="urn:microsoft.com/office/officeart/2005/8/layout/vList2"/>
    <dgm:cxn modelId="{6F7AE2F4-A94E-4746-B855-1B7852D22501}" type="presParOf" srcId="{DD82CECE-BAC4-4179-ADE2-96C88036303D}" destId="{D56674DA-1812-4224-9BC6-82BAB12B9E35}" srcOrd="3" destOrd="0" presId="urn:microsoft.com/office/officeart/2005/8/layout/vList2"/>
    <dgm:cxn modelId="{2D8B8EF5-96ED-4499-B55E-B876905C44F3}" type="presParOf" srcId="{DD82CECE-BAC4-4179-ADE2-96C88036303D}" destId="{093EA689-D42B-4868-91A5-3E160676E835}" srcOrd="4" destOrd="0" presId="urn:microsoft.com/office/officeart/2005/8/layout/vList2"/>
    <dgm:cxn modelId="{6E7DEED1-2EF1-40DE-BF6B-76604B614882}" type="presParOf" srcId="{DD82CECE-BAC4-4179-ADE2-96C88036303D}" destId="{B78D9A0C-0782-4B10-84BF-09A30CC85EFE}" srcOrd="5" destOrd="0" presId="urn:microsoft.com/office/officeart/2005/8/layout/vList2"/>
    <dgm:cxn modelId="{BFE9C7B6-DB66-4788-A099-01FD626CD2E1}" type="presParOf" srcId="{DD82CECE-BAC4-4179-ADE2-96C88036303D}" destId="{9053F88B-63B8-4978-A4F5-52D25F314757}" srcOrd="6" destOrd="0" presId="urn:microsoft.com/office/officeart/2005/8/layout/vList2"/>
    <dgm:cxn modelId="{AEA9E8E9-7652-4686-8ED0-ECFFDD97DEA3}" type="presParOf" srcId="{DD82CECE-BAC4-4179-ADE2-96C88036303D}" destId="{A3FAD5F6-9648-41CA-B295-70A1CBD8D492}" srcOrd="7" destOrd="0" presId="urn:microsoft.com/office/officeart/2005/8/layout/vList2"/>
    <dgm:cxn modelId="{3EF7A72C-A3C7-41F1-BFEF-0DD4C084E14E}" type="presParOf" srcId="{DD82CECE-BAC4-4179-ADE2-96C88036303D}" destId="{8C4DC578-7098-45EC-A006-548F7A3C5775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5BD02F36-5004-40C5-9F73-D3AB50EFC33B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252262BE-C423-4F0F-9B33-F5840FB9F940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Istituzione di un fondo per il finanziamento di progetti di ricerca  scientifica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EE22823-7074-4276-BCCC-4BD4CFD00982}" type="parTrans" cxnId="{3B39AC93-7CE7-47EE-8A35-9145136CF56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EB12FC3-6BA3-4D06-B418-0749C77438E8}" type="sibTrans" cxnId="{3B39AC93-7CE7-47EE-8A35-9145136CF56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F35881E-8346-47CB-9B2E-4C5F733D1B51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Ampliamento della cooperazione: partecipazione a </a:t>
          </a:r>
          <a:r>
            <a:rPr lang="it-IT" sz="18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alls</a:t>
          </a:r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i Paesi vicini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0BA8DAD-6305-4201-914A-ECF281A7A7F7}" type="par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84E496C-247E-4754-A4B4-72608E9E9A91}" type="sib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71776CA-8F3A-443F-AC86-9580F5C003BE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Rafforzamento del sistema di ricerca altoatesino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F0A8895-AC70-42C6-A302-3BFBACF57A6E}" type="par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C83371F-9AAC-4165-A166-FE8513783BEC}" type="sib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823FD57-CC9F-4B78-B34C-551B54A2C6DA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Rafforzamento della presenza a Bruxelles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A880237-5302-4D84-87E5-BF88A5854AB1}" type="par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E3184CA-2474-4206-91ED-4F19CFC2012F}" type="sib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C21C80A-1402-4E97-9B40-672FDEB4B2C4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it-IT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Riorganizzazione della Ripartizione innovazione, ricerca e università </a:t>
          </a:r>
          <a:endParaRPr lang="de-DE" sz="1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BC98717-5B5B-44F3-8773-C48EAB436367}" type="parTrans" cxnId="{FCA9EC93-4EA3-468C-A300-71F8291F8BAD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2ECA199-9F36-4766-8842-579AE3EDADD5}" type="sibTrans" cxnId="{FCA9EC93-4EA3-468C-A300-71F8291F8BAD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E5A2ECA-3F26-4F76-882B-208BB25A4C75}" type="pres">
      <dgm:prSet presAssocID="{5BD02F36-5004-40C5-9F73-D3AB50EFC33B}" presName="linear" presStyleCnt="0">
        <dgm:presLayoutVars>
          <dgm:animLvl val="lvl"/>
          <dgm:resizeHandles val="exact"/>
        </dgm:presLayoutVars>
      </dgm:prSet>
      <dgm:spPr/>
    </dgm:pt>
    <dgm:pt modelId="{72DFB3BF-05E8-406F-9B95-2B944690D274}" type="pres">
      <dgm:prSet presAssocID="{252262BE-C423-4F0F-9B33-F5840FB9F940}" presName="parentText" presStyleLbl="node1" presStyleIdx="0" presStyleCnt="5">
        <dgm:presLayoutVars>
          <dgm:chMax val="0"/>
          <dgm:bulletEnabled val="1"/>
        </dgm:presLayoutVars>
      </dgm:prSet>
      <dgm:spPr/>
    </dgm:pt>
    <dgm:pt modelId="{C9584804-BD6E-4AC4-BB42-C4C3ABD0D3F2}" type="pres">
      <dgm:prSet presAssocID="{7EB12FC3-6BA3-4D06-B418-0749C77438E8}" presName="spacer" presStyleCnt="0"/>
      <dgm:spPr/>
    </dgm:pt>
    <dgm:pt modelId="{A381B20F-D960-43E1-96AC-E0A92D16D39E}" type="pres">
      <dgm:prSet presAssocID="{1F35881E-8346-47CB-9B2E-4C5F733D1B51}" presName="parentText" presStyleLbl="node1" presStyleIdx="1" presStyleCnt="5">
        <dgm:presLayoutVars>
          <dgm:chMax val="0"/>
          <dgm:bulletEnabled val="1"/>
        </dgm:presLayoutVars>
      </dgm:prSet>
      <dgm:spPr/>
    </dgm:pt>
    <dgm:pt modelId="{36875748-D0A8-4E14-A987-175EEBD88ACC}" type="pres">
      <dgm:prSet presAssocID="{E84E496C-247E-4754-A4B4-72608E9E9A91}" presName="spacer" presStyleCnt="0"/>
      <dgm:spPr/>
    </dgm:pt>
    <dgm:pt modelId="{493CD02B-D5FF-438B-94E5-B97B1D29BAEA}" type="pres">
      <dgm:prSet presAssocID="{071776CA-8F3A-443F-AC86-9580F5C003BE}" presName="parentText" presStyleLbl="node1" presStyleIdx="2" presStyleCnt="5">
        <dgm:presLayoutVars>
          <dgm:chMax val="0"/>
          <dgm:bulletEnabled val="1"/>
        </dgm:presLayoutVars>
      </dgm:prSet>
      <dgm:spPr/>
    </dgm:pt>
    <dgm:pt modelId="{AC999F22-FC92-427A-90CD-F47C71254A08}" type="pres">
      <dgm:prSet presAssocID="{1C83371F-9AAC-4165-A166-FE8513783BEC}" presName="spacer" presStyleCnt="0"/>
      <dgm:spPr/>
    </dgm:pt>
    <dgm:pt modelId="{071EE20E-0F97-4E40-A9DF-8CC5C4D69728}" type="pres">
      <dgm:prSet presAssocID="{0823FD57-CC9F-4B78-B34C-551B54A2C6DA}" presName="parentText" presStyleLbl="node1" presStyleIdx="3" presStyleCnt="5" custLinFactNeighborY="-72990">
        <dgm:presLayoutVars>
          <dgm:chMax val="0"/>
          <dgm:bulletEnabled val="1"/>
        </dgm:presLayoutVars>
      </dgm:prSet>
      <dgm:spPr/>
    </dgm:pt>
    <dgm:pt modelId="{34B5A787-E1E2-4837-B59B-DCB554D7D3F0}" type="pres">
      <dgm:prSet presAssocID="{BE3184CA-2474-4206-91ED-4F19CFC2012F}" presName="spacer" presStyleCnt="0"/>
      <dgm:spPr/>
    </dgm:pt>
    <dgm:pt modelId="{84B98633-07D2-40D3-ADB1-96EBE7CA531D}" type="pres">
      <dgm:prSet presAssocID="{6C21C80A-1402-4E97-9B40-672FDEB4B2C4}" presName="parentText" presStyleLbl="node1" presStyleIdx="4" presStyleCnt="5" custLinFactNeighborY="-64184">
        <dgm:presLayoutVars>
          <dgm:chMax val="0"/>
          <dgm:bulletEnabled val="1"/>
        </dgm:presLayoutVars>
      </dgm:prSet>
      <dgm:spPr/>
    </dgm:pt>
  </dgm:ptLst>
  <dgm:cxnLst>
    <dgm:cxn modelId="{1392180D-C77D-4FF7-9BBD-256A5B8E4512}" type="presOf" srcId="{071776CA-8F3A-443F-AC86-9580F5C003BE}" destId="{493CD02B-D5FF-438B-94E5-B97B1D29BAEA}" srcOrd="0" destOrd="0" presId="urn:microsoft.com/office/officeart/2005/8/layout/vList2"/>
    <dgm:cxn modelId="{83ED6519-09BD-48F4-91EB-3D1F461E276A}" type="presOf" srcId="{5BD02F36-5004-40C5-9F73-D3AB50EFC33B}" destId="{AE5A2ECA-3F26-4F76-882B-208BB25A4C75}" srcOrd="0" destOrd="0" presId="urn:microsoft.com/office/officeart/2005/8/layout/vList2"/>
    <dgm:cxn modelId="{DDEF5928-2C49-4E5C-8851-4E2504D74658}" srcId="{5BD02F36-5004-40C5-9F73-D3AB50EFC33B}" destId="{071776CA-8F3A-443F-AC86-9580F5C003BE}" srcOrd="2" destOrd="0" parTransId="{0F0A8895-AC70-42C6-A302-3BFBACF57A6E}" sibTransId="{1C83371F-9AAC-4165-A166-FE8513783BEC}"/>
    <dgm:cxn modelId="{2FD8813B-4D78-4DE0-A890-54B9846E88C5}" srcId="{5BD02F36-5004-40C5-9F73-D3AB50EFC33B}" destId="{1F35881E-8346-47CB-9B2E-4C5F733D1B51}" srcOrd="1" destOrd="0" parTransId="{E0BA8DAD-6305-4201-914A-ECF281A7A7F7}" sibTransId="{E84E496C-247E-4754-A4B4-72608E9E9A91}"/>
    <dgm:cxn modelId="{5E838C52-5021-42D4-9E5F-AF04A2ABAC3B}" type="presOf" srcId="{0823FD57-CC9F-4B78-B34C-551B54A2C6DA}" destId="{071EE20E-0F97-4E40-A9DF-8CC5C4D69728}" srcOrd="0" destOrd="0" presId="urn:microsoft.com/office/officeart/2005/8/layout/vList2"/>
    <dgm:cxn modelId="{F82B0876-FC51-4850-9D4F-2C51D85EAE4A}" type="presOf" srcId="{1F35881E-8346-47CB-9B2E-4C5F733D1B51}" destId="{A381B20F-D960-43E1-96AC-E0A92D16D39E}" srcOrd="0" destOrd="0" presId="urn:microsoft.com/office/officeart/2005/8/layout/vList2"/>
    <dgm:cxn modelId="{EC5FC457-22B1-48C0-BF12-7E2D97F7B6BE}" type="presOf" srcId="{6C21C80A-1402-4E97-9B40-672FDEB4B2C4}" destId="{84B98633-07D2-40D3-ADB1-96EBE7CA531D}" srcOrd="0" destOrd="0" presId="urn:microsoft.com/office/officeart/2005/8/layout/vList2"/>
    <dgm:cxn modelId="{44919A79-E5EF-4092-B1A3-EFD7F4486745}" type="presOf" srcId="{252262BE-C423-4F0F-9B33-F5840FB9F940}" destId="{72DFB3BF-05E8-406F-9B95-2B944690D274}" srcOrd="0" destOrd="0" presId="urn:microsoft.com/office/officeart/2005/8/layout/vList2"/>
    <dgm:cxn modelId="{3B39AC93-7CE7-47EE-8A35-9145136CF561}" srcId="{5BD02F36-5004-40C5-9F73-D3AB50EFC33B}" destId="{252262BE-C423-4F0F-9B33-F5840FB9F940}" srcOrd="0" destOrd="0" parTransId="{EEE22823-7074-4276-BCCC-4BD4CFD00982}" sibTransId="{7EB12FC3-6BA3-4D06-B418-0749C77438E8}"/>
    <dgm:cxn modelId="{FCA9EC93-4EA3-468C-A300-71F8291F8BAD}" srcId="{5BD02F36-5004-40C5-9F73-D3AB50EFC33B}" destId="{6C21C80A-1402-4E97-9B40-672FDEB4B2C4}" srcOrd="4" destOrd="0" parTransId="{0BC98717-5B5B-44F3-8773-C48EAB436367}" sibTransId="{E2ECA199-9F36-4766-8842-579AE3EDADD5}"/>
    <dgm:cxn modelId="{4E12DEDD-EC4C-4558-A5BF-A524E42B7AD2}" srcId="{5BD02F36-5004-40C5-9F73-D3AB50EFC33B}" destId="{0823FD57-CC9F-4B78-B34C-551B54A2C6DA}" srcOrd="3" destOrd="0" parTransId="{6A880237-5302-4D84-87E5-BF88A5854AB1}" sibTransId="{BE3184CA-2474-4206-91ED-4F19CFC2012F}"/>
    <dgm:cxn modelId="{5D32DB0B-5363-4A3D-9B3D-E25FA2F9FC88}" type="presParOf" srcId="{AE5A2ECA-3F26-4F76-882B-208BB25A4C75}" destId="{72DFB3BF-05E8-406F-9B95-2B944690D274}" srcOrd="0" destOrd="0" presId="urn:microsoft.com/office/officeart/2005/8/layout/vList2"/>
    <dgm:cxn modelId="{75285DA9-BCAA-417D-A5CD-CDB527CEA614}" type="presParOf" srcId="{AE5A2ECA-3F26-4F76-882B-208BB25A4C75}" destId="{C9584804-BD6E-4AC4-BB42-C4C3ABD0D3F2}" srcOrd="1" destOrd="0" presId="urn:microsoft.com/office/officeart/2005/8/layout/vList2"/>
    <dgm:cxn modelId="{63FD9367-BF04-4DCC-B21E-B8D8976880E4}" type="presParOf" srcId="{AE5A2ECA-3F26-4F76-882B-208BB25A4C75}" destId="{A381B20F-D960-43E1-96AC-E0A92D16D39E}" srcOrd="2" destOrd="0" presId="urn:microsoft.com/office/officeart/2005/8/layout/vList2"/>
    <dgm:cxn modelId="{8B435FC4-D1B2-4CD8-853E-4801B11BF5AE}" type="presParOf" srcId="{AE5A2ECA-3F26-4F76-882B-208BB25A4C75}" destId="{36875748-D0A8-4E14-A987-175EEBD88ACC}" srcOrd="3" destOrd="0" presId="urn:microsoft.com/office/officeart/2005/8/layout/vList2"/>
    <dgm:cxn modelId="{81866FFD-F6AF-4641-AE74-0FC19F5EEECD}" type="presParOf" srcId="{AE5A2ECA-3F26-4F76-882B-208BB25A4C75}" destId="{493CD02B-D5FF-438B-94E5-B97B1D29BAEA}" srcOrd="4" destOrd="0" presId="urn:microsoft.com/office/officeart/2005/8/layout/vList2"/>
    <dgm:cxn modelId="{8675C37D-2BE3-4A77-9E4B-E73ED505913E}" type="presParOf" srcId="{AE5A2ECA-3F26-4F76-882B-208BB25A4C75}" destId="{AC999F22-FC92-427A-90CD-F47C71254A08}" srcOrd="5" destOrd="0" presId="urn:microsoft.com/office/officeart/2005/8/layout/vList2"/>
    <dgm:cxn modelId="{D819A803-7585-4546-BB30-448BFDD5494A}" type="presParOf" srcId="{AE5A2ECA-3F26-4F76-882B-208BB25A4C75}" destId="{071EE20E-0F97-4E40-A9DF-8CC5C4D69728}" srcOrd="6" destOrd="0" presId="urn:microsoft.com/office/officeart/2005/8/layout/vList2"/>
    <dgm:cxn modelId="{8E69E3A6-0177-43B8-A8D5-F0CECDDC687A}" type="presParOf" srcId="{AE5A2ECA-3F26-4F76-882B-208BB25A4C75}" destId="{34B5A787-E1E2-4837-B59B-DCB554D7D3F0}" srcOrd="7" destOrd="0" presId="urn:microsoft.com/office/officeart/2005/8/layout/vList2"/>
    <dgm:cxn modelId="{0A625AFC-4B9E-427C-99B1-9A70FC1AAA5C}" type="presParOf" srcId="{AE5A2ECA-3F26-4F76-882B-208BB25A4C75}" destId="{84B98633-07D2-40D3-ADB1-96EBE7CA531D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AB8C457C-6EDD-4D9D-A5D7-12DEC89A1C9F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de-DE"/>
        </a:p>
      </dgm:t>
    </dgm:pt>
    <dgm:pt modelId="{DE1A6B8A-EFB1-42B7-B1E7-CD5B5E9C0088}">
      <dgm:prSet custT="1"/>
      <dgm:spPr/>
      <dgm:t>
        <a:bodyPr/>
        <a:lstStyle/>
        <a:p>
          <a:pPr rtl="0"/>
          <a:r>
            <a:rPr lang="de-DE" sz="2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esearch Südtirol / Alto </a:t>
          </a:r>
          <a:r>
            <a:rPr lang="de-DE" sz="28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dige</a:t>
          </a:r>
          <a:endParaRPr lang="de-DE" sz="28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2E68D25-FDE6-47CF-9DF9-1745B49EC264}" type="parTrans" cxnId="{8D2155EA-A853-4389-BAFD-1E68F891AC7D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1F8F0D2-A481-426D-8344-9CEA8EE4D5D6}" type="sibTrans" cxnId="{8D2155EA-A853-4389-BAFD-1E68F891AC7D}">
      <dgm:prSet/>
      <dgm:spPr>
        <a:ln>
          <a:solidFill>
            <a:srgbClr val="000099"/>
          </a:solidFill>
        </a:ln>
      </dgm:spPr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A01FDCB-1B7E-4122-B0ED-256918777819}">
      <dgm:prSet custT="1"/>
      <dgm:spPr/>
      <dgm:t>
        <a:bodyPr/>
        <a:lstStyle/>
        <a:p>
          <a:pPr rtl="0"/>
          <a:r>
            <a:rPr lang="de-DE" sz="2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eal </a:t>
          </a:r>
          <a:r>
            <a:rPr lang="de-DE" sz="28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of</a:t>
          </a:r>
          <a:r>
            <a:rPr lang="de-DE" sz="2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xcellence</a:t>
          </a:r>
        </a:p>
      </dgm:t>
    </dgm:pt>
    <dgm:pt modelId="{2A80095D-8826-435D-BA7C-D0DC9C2A3D5A}" type="parTrans" cxnId="{B1F2395B-B700-45E6-9FF8-95BB8D8B2B83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814D94C-19C3-421F-BDB8-64A832CFE5DF}" type="sibTrans" cxnId="{B1F2395B-B700-45E6-9FF8-95BB8D8B2B83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AA0C7CE-D2F6-4762-8D2C-481398D6C69E}">
      <dgm:prSet custT="1"/>
      <dgm:spPr/>
      <dgm:t>
        <a:bodyPr/>
        <a:lstStyle/>
        <a:p>
          <a:pPr rtl="0"/>
          <a:r>
            <a:rPr lang="de-DE" sz="2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Joint Research Projects</a:t>
          </a:r>
        </a:p>
      </dgm:t>
    </dgm:pt>
    <dgm:pt modelId="{5D4A0B55-B50A-40A6-B176-FAD385C1D13E}" type="sibTrans" cxnId="{2F6362B9-63D6-4804-A837-83C318511EC0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1A20457-4863-42FD-BADA-2F3B9A50ADEB}" type="parTrans" cxnId="{2F6362B9-63D6-4804-A837-83C318511EC0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35CB2E9-8304-49F8-BF52-6B7BEAC31D87}">
      <dgm:prSet custT="1"/>
      <dgm:spPr/>
      <dgm:t>
        <a:bodyPr/>
        <a:lstStyle/>
        <a:p>
          <a:pPr rtl="0"/>
          <a:r>
            <a:rPr lang="de-DE" sz="2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Euregio plus</a:t>
          </a:r>
        </a:p>
      </dgm:t>
    </dgm:pt>
    <dgm:pt modelId="{5CACE27D-EBD1-48E7-8B94-7C3A5CBD6E3B}" type="sibTrans" cxnId="{0C5A6C0E-1B71-47EB-BEDB-EC2D4359BFDE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F8BF110-8B62-4F3F-97F4-B89CC5857554}" type="parTrans" cxnId="{0C5A6C0E-1B71-47EB-BEDB-EC2D4359BFDE}">
      <dgm:prSet/>
      <dgm:spPr/>
      <dgm:t>
        <a:bodyPr/>
        <a:lstStyle/>
        <a:p>
          <a:endParaRPr lang="de-DE" sz="12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43DAB95-3F0A-4C4E-AE1A-BA24241F5C1C}" type="pres">
      <dgm:prSet presAssocID="{AB8C457C-6EDD-4D9D-A5D7-12DEC89A1C9F}" presName="Name0" presStyleCnt="0">
        <dgm:presLayoutVars>
          <dgm:chMax val="7"/>
          <dgm:chPref val="7"/>
          <dgm:dir/>
        </dgm:presLayoutVars>
      </dgm:prSet>
      <dgm:spPr/>
    </dgm:pt>
    <dgm:pt modelId="{28B3E9C9-9A3E-4217-905D-61BC9CB792C5}" type="pres">
      <dgm:prSet presAssocID="{AB8C457C-6EDD-4D9D-A5D7-12DEC89A1C9F}" presName="Name1" presStyleCnt="0"/>
      <dgm:spPr/>
    </dgm:pt>
    <dgm:pt modelId="{1FB90643-EEFA-41C2-9C93-4D445034E3A6}" type="pres">
      <dgm:prSet presAssocID="{AB8C457C-6EDD-4D9D-A5D7-12DEC89A1C9F}" presName="cycle" presStyleCnt="0"/>
      <dgm:spPr/>
    </dgm:pt>
    <dgm:pt modelId="{455B58A2-C83C-4B38-8494-D0B0D95921BF}" type="pres">
      <dgm:prSet presAssocID="{AB8C457C-6EDD-4D9D-A5D7-12DEC89A1C9F}" presName="srcNode" presStyleLbl="node1" presStyleIdx="0" presStyleCnt="4"/>
      <dgm:spPr/>
    </dgm:pt>
    <dgm:pt modelId="{194BE965-3282-47FC-88B8-4DE495EE9E28}" type="pres">
      <dgm:prSet presAssocID="{AB8C457C-6EDD-4D9D-A5D7-12DEC89A1C9F}" presName="conn" presStyleLbl="parChTrans1D2" presStyleIdx="0" presStyleCnt="1"/>
      <dgm:spPr/>
    </dgm:pt>
    <dgm:pt modelId="{4DF53C64-00BC-4C93-8FDF-7B330E59B382}" type="pres">
      <dgm:prSet presAssocID="{AB8C457C-6EDD-4D9D-A5D7-12DEC89A1C9F}" presName="extraNode" presStyleLbl="node1" presStyleIdx="0" presStyleCnt="4"/>
      <dgm:spPr/>
    </dgm:pt>
    <dgm:pt modelId="{1C9EAA28-5DE4-426F-BE32-5622DFBD77D6}" type="pres">
      <dgm:prSet presAssocID="{AB8C457C-6EDD-4D9D-A5D7-12DEC89A1C9F}" presName="dstNode" presStyleLbl="node1" presStyleIdx="0" presStyleCnt="4"/>
      <dgm:spPr/>
    </dgm:pt>
    <dgm:pt modelId="{70B1C029-5AD5-4BC1-923A-A6C6D9AEFC35}" type="pres">
      <dgm:prSet presAssocID="{DE1A6B8A-EFB1-42B7-B1E7-CD5B5E9C0088}" presName="text_1" presStyleLbl="node1" presStyleIdx="0" presStyleCnt="4">
        <dgm:presLayoutVars>
          <dgm:bulletEnabled val="1"/>
        </dgm:presLayoutVars>
      </dgm:prSet>
      <dgm:spPr/>
    </dgm:pt>
    <dgm:pt modelId="{0E6E02B2-F379-4D8F-B582-D3C46B833B38}" type="pres">
      <dgm:prSet presAssocID="{DE1A6B8A-EFB1-42B7-B1E7-CD5B5E9C0088}" presName="accent_1" presStyleCnt="0"/>
      <dgm:spPr/>
    </dgm:pt>
    <dgm:pt modelId="{B5302B5B-A0FF-4359-BFE0-F14B327D34EF}" type="pres">
      <dgm:prSet presAssocID="{DE1A6B8A-EFB1-42B7-B1E7-CD5B5E9C0088}" presName="accentRepeatNode" presStyleLbl="solidFgAcc1" presStyleIdx="0" presStyleCnt="4"/>
      <dgm:spPr>
        <a:solidFill>
          <a:schemeClr val="bg1"/>
        </a:solidFill>
      </dgm:spPr>
    </dgm:pt>
    <dgm:pt modelId="{4AAB472D-0655-4377-A15E-8E44BB143AEA}" type="pres">
      <dgm:prSet presAssocID="{535CB2E9-8304-49F8-BF52-6B7BEAC31D87}" presName="text_2" presStyleLbl="node1" presStyleIdx="1" presStyleCnt="4">
        <dgm:presLayoutVars>
          <dgm:bulletEnabled val="1"/>
        </dgm:presLayoutVars>
      </dgm:prSet>
      <dgm:spPr/>
    </dgm:pt>
    <dgm:pt modelId="{E42B2E13-8160-445B-BD37-C9320BBB3243}" type="pres">
      <dgm:prSet presAssocID="{535CB2E9-8304-49F8-BF52-6B7BEAC31D87}" presName="accent_2" presStyleCnt="0"/>
      <dgm:spPr/>
    </dgm:pt>
    <dgm:pt modelId="{DE791D5E-F96E-43BB-A73D-EB92EAADA919}" type="pres">
      <dgm:prSet presAssocID="{535CB2E9-8304-49F8-BF52-6B7BEAC31D87}" presName="accentRepeatNode" presStyleLbl="solidFgAcc1" presStyleIdx="1" presStyleCnt="4"/>
      <dgm:spPr>
        <a:solidFill>
          <a:srgbClr val="EEF0F6"/>
        </a:solidFill>
      </dgm:spPr>
    </dgm:pt>
    <dgm:pt modelId="{6B6C614D-E6D8-41D2-BDA2-3BFE21838199}" type="pres">
      <dgm:prSet presAssocID="{6AA0C7CE-D2F6-4762-8D2C-481398D6C69E}" presName="text_3" presStyleLbl="node1" presStyleIdx="2" presStyleCnt="4">
        <dgm:presLayoutVars>
          <dgm:bulletEnabled val="1"/>
        </dgm:presLayoutVars>
      </dgm:prSet>
      <dgm:spPr/>
    </dgm:pt>
    <dgm:pt modelId="{C82EC919-6A68-4F4C-A8C1-BD0873E0A4B4}" type="pres">
      <dgm:prSet presAssocID="{6AA0C7CE-D2F6-4762-8D2C-481398D6C69E}" presName="accent_3" presStyleCnt="0"/>
      <dgm:spPr/>
    </dgm:pt>
    <dgm:pt modelId="{6FD282C5-BDB4-4CA1-AB9D-AD4BDBECD0CA}" type="pres">
      <dgm:prSet presAssocID="{6AA0C7CE-D2F6-4762-8D2C-481398D6C69E}" presName="accentRepeatNode" presStyleLbl="solidFgAcc1" presStyleIdx="2" presStyleCnt="4"/>
      <dgm:spPr>
        <a:solidFill>
          <a:schemeClr val="bg1"/>
        </a:solidFill>
      </dgm:spPr>
    </dgm:pt>
    <dgm:pt modelId="{F016C5A4-6457-4E88-B6DE-CFE0C78F0258}" type="pres">
      <dgm:prSet presAssocID="{3A01FDCB-1B7E-4122-B0ED-256918777819}" presName="text_4" presStyleLbl="node1" presStyleIdx="3" presStyleCnt="4">
        <dgm:presLayoutVars>
          <dgm:bulletEnabled val="1"/>
        </dgm:presLayoutVars>
      </dgm:prSet>
      <dgm:spPr/>
    </dgm:pt>
    <dgm:pt modelId="{96747958-E3A1-4786-BB3C-DC8E7404C152}" type="pres">
      <dgm:prSet presAssocID="{3A01FDCB-1B7E-4122-B0ED-256918777819}" presName="accent_4" presStyleCnt="0"/>
      <dgm:spPr/>
    </dgm:pt>
    <dgm:pt modelId="{C6D829AE-F6E4-4325-AA1E-88EC39B6EDFC}" type="pres">
      <dgm:prSet presAssocID="{3A01FDCB-1B7E-4122-B0ED-256918777819}" presName="accentRepeatNode" presStyleLbl="solidFgAcc1" presStyleIdx="3" presStyleCnt="4"/>
      <dgm:spPr>
        <a:solidFill>
          <a:schemeClr val="bg1"/>
        </a:solidFill>
      </dgm:spPr>
    </dgm:pt>
  </dgm:ptLst>
  <dgm:cxnLst>
    <dgm:cxn modelId="{512BC801-93B1-43F7-B7A2-D8AE01EB35F2}" type="presOf" srcId="{535CB2E9-8304-49F8-BF52-6B7BEAC31D87}" destId="{4AAB472D-0655-4377-A15E-8E44BB143AEA}" srcOrd="0" destOrd="0" presId="urn:microsoft.com/office/officeart/2008/layout/VerticalCurvedList"/>
    <dgm:cxn modelId="{0C5A6C0E-1B71-47EB-BEDB-EC2D4359BFDE}" srcId="{AB8C457C-6EDD-4D9D-A5D7-12DEC89A1C9F}" destId="{535CB2E9-8304-49F8-BF52-6B7BEAC31D87}" srcOrd="1" destOrd="0" parTransId="{0F8BF110-8B62-4F3F-97F4-B89CC5857554}" sibTransId="{5CACE27D-EBD1-48E7-8B94-7C3A5CBD6E3B}"/>
    <dgm:cxn modelId="{9823462F-CAB1-40D6-9F53-ED6F79DF7D66}" type="presOf" srcId="{6AA0C7CE-D2F6-4762-8D2C-481398D6C69E}" destId="{6B6C614D-E6D8-41D2-BDA2-3BFE21838199}" srcOrd="0" destOrd="0" presId="urn:microsoft.com/office/officeart/2008/layout/VerticalCurvedList"/>
    <dgm:cxn modelId="{DDC1F03A-81AC-44D7-8B11-C68F91407334}" type="presOf" srcId="{AB8C457C-6EDD-4D9D-A5D7-12DEC89A1C9F}" destId="{E43DAB95-3F0A-4C4E-AE1A-BA24241F5C1C}" srcOrd="0" destOrd="0" presId="urn:microsoft.com/office/officeart/2008/layout/VerticalCurvedList"/>
    <dgm:cxn modelId="{B1F2395B-B700-45E6-9FF8-95BB8D8B2B83}" srcId="{AB8C457C-6EDD-4D9D-A5D7-12DEC89A1C9F}" destId="{3A01FDCB-1B7E-4122-B0ED-256918777819}" srcOrd="3" destOrd="0" parTransId="{2A80095D-8826-435D-BA7C-D0DC9C2A3D5A}" sibTransId="{C814D94C-19C3-421F-BDB8-64A832CFE5DF}"/>
    <dgm:cxn modelId="{4848034C-0838-4533-B66F-E4FAF27B7623}" type="presOf" srcId="{B1F8F0D2-A481-426D-8344-9CEA8EE4D5D6}" destId="{194BE965-3282-47FC-88B8-4DE495EE9E28}" srcOrd="0" destOrd="0" presId="urn:microsoft.com/office/officeart/2008/layout/VerticalCurvedList"/>
    <dgm:cxn modelId="{57529D97-26E5-4874-9F8E-873D50611B65}" type="presOf" srcId="{3A01FDCB-1B7E-4122-B0ED-256918777819}" destId="{F016C5A4-6457-4E88-B6DE-CFE0C78F0258}" srcOrd="0" destOrd="0" presId="urn:microsoft.com/office/officeart/2008/layout/VerticalCurvedList"/>
    <dgm:cxn modelId="{50FBAAB8-2333-4EA5-88CA-834DD55D79B6}" type="presOf" srcId="{DE1A6B8A-EFB1-42B7-B1E7-CD5B5E9C0088}" destId="{70B1C029-5AD5-4BC1-923A-A6C6D9AEFC35}" srcOrd="0" destOrd="0" presId="urn:microsoft.com/office/officeart/2008/layout/VerticalCurvedList"/>
    <dgm:cxn modelId="{2F6362B9-63D6-4804-A837-83C318511EC0}" srcId="{AB8C457C-6EDD-4D9D-A5D7-12DEC89A1C9F}" destId="{6AA0C7CE-D2F6-4762-8D2C-481398D6C69E}" srcOrd="2" destOrd="0" parTransId="{B1A20457-4863-42FD-BADA-2F3B9A50ADEB}" sibTransId="{5D4A0B55-B50A-40A6-B176-FAD385C1D13E}"/>
    <dgm:cxn modelId="{8D2155EA-A853-4389-BAFD-1E68F891AC7D}" srcId="{AB8C457C-6EDD-4D9D-A5D7-12DEC89A1C9F}" destId="{DE1A6B8A-EFB1-42B7-B1E7-CD5B5E9C0088}" srcOrd="0" destOrd="0" parTransId="{C2E68D25-FDE6-47CF-9DF9-1745B49EC264}" sibTransId="{B1F8F0D2-A481-426D-8344-9CEA8EE4D5D6}"/>
    <dgm:cxn modelId="{B953ED72-D36D-4D4B-A17E-83BA1B8FAE28}" type="presParOf" srcId="{E43DAB95-3F0A-4C4E-AE1A-BA24241F5C1C}" destId="{28B3E9C9-9A3E-4217-905D-61BC9CB792C5}" srcOrd="0" destOrd="0" presId="urn:microsoft.com/office/officeart/2008/layout/VerticalCurvedList"/>
    <dgm:cxn modelId="{187B2826-3466-4E59-9D7F-C0BBFEAF434A}" type="presParOf" srcId="{28B3E9C9-9A3E-4217-905D-61BC9CB792C5}" destId="{1FB90643-EEFA-41C2-9C93-4D445034E3A6}" srcOrd="0" destOrd="0" presId="urn:microsoft.com/office/officeart/2008/layout/VerticalCurvedList"/>
    <dgm:cxn modelId="{3C30612B-7E34-4203-8E83-4AE495845EA5}" type="presParOf" srcId="{1FB90643-EEFA-41C2-9C93-4D445034E3A6}" destId="{455B58A2-C83C-4B38-8494-D0B0D95921BF}" srcOrd="0" destOrd="0" presId="urn:microsoft.com/office/officeart/2008/layout/VerticalCurvedList"/>
    <dgm:cxn modelId="{9F974B50-DB48-4768-91F8-6BB5EBBD3747}" type="presParOf" srcId="{1FB90643-EEFA-41C2-9C93-4D445034E3A6}" destId="{194BE965-3282-47FC-88B8-4DE495EE9E28}" srcOrd="1" destOrd="0" presId="urn:microsoft.com/office/officeart/2008/layout/VerticalCurvedList"/>
    <dgm:cxn modelId="{43FE82F4-B08A-4F6D-9E74-B39A873B6596}" type="presParOf" srcId="{1FB90643-EEFA-41C2-9C93-4D445034E3A6}" destId="{4DF53C64-00BC-4C93-8FDF-7B330E59B382}" srcOrd="2" destOrd="0" presId="urn:microsoft.com/office/officeart/2008/layout/VerticalCurvedList"/>
    <dgm:cxn modelId="{A3312857-02FC-4951-AEF5-32D7626A7AA5}" type="presParOf" srcId="{1FB90643-EEFA-41C2-9C93-4D445034E3A6}" destId="{1C9EAA28-5DE4-426F-BE32-5622DFBD77D6}" srcOrd="3" destOrd="0" presId="urn:microsoft.com/office/officeart/2008/layout/VerticalCurvedList"/>
    <dgm:cxn modelId="{F0B8BF60-D624-4CD4-9743-CAA3064A4EB1}" type="presParOf" srcId="{28B3E9C9-9A3E-4217-905D-61BC9CB792C5}" destId="{70B1C029-5AD5-4BC1-923A-A6C6D9AEFC35}" srcOrd="1" destOrd="0" presId="urn:microsoft.com/office/officeart/2008/layout/VerticalCurvedList"/>
    <dgm:cxn modelId="{D77C1BB9-809A-4688-AAEB-C32EE8EB5592}" type="presParOf" srcId="{28B3E9C9-9A3E-4217-905D-61BC9CB792C5}" destId="{0E6E02B2-F379-4D8F-B582-D3C46B833B38}" srcOrd="2" destOrd="0" presId="urn:microsoft.com/office/officeart/2008/layout/VerticalCurvedList"/>
    <dgm:cxn modelId="{6AA5D68E-3525-431B-B0F5-0AF1FE87162B}" type="presParOf" srcId="{0E6E02B2-F379-4D8F-B582-D3C46B833B38}" destId="{B5302B5B-A0FF-4359-BFE0-F14B327D34EF}" srcOrd="0" destOrd="0" presId="urn:microsoft.com/office/officeart/2008/layout/VerticalCurvedList"/>
    <dgm:cxn modelId="{A4CBB89C-7E77-4757-AA61-29484C46AA96}" type="presParOf" srcId="{28B3E9C9-9A3E-4217-905D-61BC9CB792C5}" destId="{4AAB472D-0655-4377-A15E-8E44BB143AEA}" srcOrd="3" destOrd="0" presId="urn:microsoft.com/office/officeart/2008/layout/VerticalCurvedList"/>
    <dgm:cxn modelId="{EB8E304A-DD7F-4553-8ADD-EE192A953DB9}" type="presParOf" srcId="{28B3E9C9-9A3E-4217-905D-61BC9CB792C5}" destId="{E42B2E13-8160-445B-BD37-C9320BBB3243}" srcOrd="4" destOrd="0" presId="urn:microsoft.com/office/officeart/2008/layout/VerticalCurvedList"/>
    <dgm:cxn modelId="{444884E0-4739-4299-B929-849298AE479E}" type="presParOf" srcId="{E42B2E13-8160-445B-BD37-C9320BBB3243}" destId="{DE791D5E-F96E-43BB-A73D-EB92EAADA919}" srcOrd="0" destOrd="0" presId="urn:microsoft.com/office/officeart/2008/layout/VerticalCurvedList"/>
    <dgm:cxn modelId="{14BC8555-BA5A-46D7-AE9C-E87FB291C6D0}" type="presParOf" srcId="{28B3E9C9-9A3E-4217-905D-61BC9CB792C5}" destId="{6B6C614D-E6D8-41D2-BDA2-3BFE21838199}" srcOrd="5" destOrd="0" presId="urn:microsoft.com/office/officeart/2008/layout/VerticalCurvedList"/>
    <dgm:cxn modelId="{57212BE7-EE31-4E11-8732-2A0D14062AE9}" type="presParOf" srcId="{28B3E9C9-9A3E-4217-905D-61BC9CB792C5}" destId="{C82EC919-6A68-4F4C-A8C1-BD0873E0A4B4}" srcOrd="6" destOrd="0" presId="urn:microsoft.com/office/officeart/2008/layout/VerticalCurvedList"/>
    <dgm:cxn modelId="{2E0D01D4-CBCA-455F-A9EB-24BB6B56B632}" type="presParOf" srcId="{C82EC919-6A68-4F4C-A8C1-BD0873E0A4B4}" destId="{6FD282C5-BDB4-4CA1-AB9D-AD4BDBECD0CA}" srcOrd="0" destOrd="0" presId="urn:microsoft.com/office/officeart/2008/layout/VerticalCurvedList"/>
    <dgm:cxn modelId="{B065A954-08D4-4E9C-B59D-1150C3FA49ED}" type="presParOf" srcId="{28B3E9C9-9A3E-4217-905D-61BC9CB792C5}" destId="{F016C5A4-6457-4E88-B6DE-CFE0C78F0258}" srcOrd="7" destOrd="0" presId="urn:microsoft.com/office/officeart/2008/layout/VerticalCurvedList"/>
    <dgm:cxn modelId="{73CC7109-8508-4BDC-B266-84F2EC5E34C5}" type="presParOf" srcId="{28B3E9C9-9A3E-4217-905D-61BC9CB792C5}" destId="{96747958-E3A1-4786-BB3C-DC8E7404C152}" srcOrd="8" destOrd="0" presId="urn:microsoft.com/office/officeart/2008/layout/VerticalCurvedList"/>
    <dgm:cxn modelId="{1B61EB1F-0EDB-4061-9AC1-5CAC3F7B8931}" type="presParOf" srcId="{96747958-E3A1-4786-BB3C-DC8E7404C152}" destId="{C6D829AE-F6E4-4325-AA1E-88EC39B6EDFC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44B2B804-E08C-9F4E-8C24-2F3368740AE3}" type="doc">
      <dgm:prSet loTypeId="urn:microsoft.com/office/officeart/2005/8/layout/orgChart1" loCatId="" qsTypeId="urn:microsoft.com/office/officeart/2005/8/quickstyle/3D2" qsCatId="3D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74C0FF2A-4EAB-6D4E-8D31-11DD58870E09}">
      <dgm:prSet phldrT="[Text]" custT="1"/>
      <dgm:spPr>
        <a:solidFill>
          <a:srgbClr val="FBBD21"/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/>
      </dgm:spPr>
      <dgm:t>
        <a:bodyPr/>
        <a:lstStyle/>
        <a:p>
          <a:r>
            <a:rPr lang="de-DE" sz="2000" dirty="0"/>
            <a:t>Innovation, Forschung und Universität</a:t>
          </a:r>
        </a:p>
        <a:p>
          <a:r>
            <a:rPr lang="de-DE" sz="2000" dirty="0"/>
            <a:t>Innovazione, Ricerca e </a:t>
          </a:r>
          <a:r>
            <a:rPr lang="de-DE" sz="2000" dirty="0" err="1"/>
            <a:t>Università</a:t>
          </a:r>
          <a:endParaRPr lang="de-DE" sz="2000" dirty="0"/>
        </a:p>
      </dgm:t>
    </dgm:pt>
    <dgm:pt modelId="{C5C62E36-EBB2-0644-9F5C-48478382776C}" type="parTrans" cxnId="{51D08A52-33C2-184D-8603-0F5E07098EE3}">
      <dgm:prSet/>
      <dgm:spPr/>
      <dgm:t>
        <a:bodyPr/>
        <a:lstStyle/>
        <a:p>
          <a:endParaRPr lang="de-DE"/>
        </a:p>
      </dgm:t>
    </dgm:pt>
    <dgm:pt modelId="{07450D37-0195-1947-82E9-F6BDF229C041}" type="sibTrans" cxnId="{51D08A52-33C2-184D-8603-0F5E07098EE3}">
      <dgm:prSet/>
      <dgm:spPr/>
      <dgm:t>
        <a:bodyPr/>
        <a:lstStyle/>
        <a:p>
          <a:endParaRPr lang="de-DE"/>
        </a:p>
      </dgm:t>
    </dgm:pt>
    <dgm:pt modelId="{24DAB6F8-FD0B-7A4D-9A61-FF8F2D054809}">
      <dgm:prSet phldrT="[Text]" custT="1"/>
      <dgm:spPr>
        <a:solidFill>
          <a:srgbClr val="BB1448"/>
        </a:solidFill>
        <a:scene3d>
          <a:camera prst="orthographicFront"/>
          <a:lightRig rig="threePt" dir="t">
            <a:rot lat="0" lon="0" rev="7500000"/>
          </a:lightRig>
        </a:scene3d>
        <a:sp3d prstMaterial="plastic"/>
      </dgm:spPr>
      <dgm:t>
        <a:bodyPr>
          <a:sp3d/>
        </a:bodyPr>
        <a:lstStyle/>
        <a:p>
          <a:r>
            <a:rPr lang="de-DE" sz="2000" dirty="0"/>
            <a:t>Innovation &amp; Technologie</a:t>
          </a:r>
        </a:p>
        <a:p>
          <a:r>
            <a:rPr lang="de-DE" sz="2000" dirty="0"/>
            <a:t>Innovazione &amp; </a:t>
          </a:r>
          <a:r>
            <a:rPr lang="de-DE" sz="2000" dirty="0" err="1"/>
            <a:t>tecnologia</a:t>
          </a:r>
          <a:endParaRPr lang="de-DE" sz="2000" dirty="0"/>
        </a:p>
      </dgm:t>
    </dgm:pt>
    <dgm:pt modelId="{EF581776-D30B-174A-8273-A8C0F0053609}" type="parTrans" cxnId="{7281ED7E-2FD4-B044-B024-9C1F10A946B1}">
      <dgm:prSet/>
      <dgm:spPr>
        <a:scene3d>
          <a:camera prst="orthographicFront"/>
          <a:lightRig rig="threePt" dir="t">
            <a:rot lat="0" lon="0" rev="7500000"/>
          </a:lightRig>
        </a:scene3d>
      </dgm:spPr>
      <dgm:t>
        <a:bodyPr/>
        <a:lstStyle/>
        <a:p>
          <a:endParaRPr lang="de-DE"/>
        </a:p>
      </dgm:t>
    </dgm:pt>
    <dgm:pt modelId="{0C39F206-53BB-7944-B65B-95005E88BA5E}" type="sibTrans" cxnId="{7281ED7E-2FD4-B044-B024-9C1F10A946B1}">
      <dgm:prSet/>
      <dgm:spPr/>
      <dgm:t>
        <a:bodyPr/>
        <a:lstStyle/>
        <a:p>
          <a:endParaRPr lang="de-DE"/>
        </a:p>
      </dgm:t>
    </dgm:pt>
    <dgm:pt modelId="{91FB8E4B-7975-F049-BEE2-F8AF93094AA1}">
      <dgm:prSet phldrT="[Text]" custT="1"/>
      <dgm:spPr>
        <a:solidFill>
          <a:srgbClr val="BB1448"/>
        </a:solidFill>
        <a:scene3d>
          <a:camera prst="orthographicFront"/>
          <a:lightRig rig="threePt" dir="t">
            <a:rot lat="0" lon="0" rev="7500000"/>
          </a:lightRig>
        </a:scene3d>
        <a:sp3d prstMaterial="plastic"/>
      </dgm:spPr>
      <dgm:t>
        <a:bodyPr/>
        <a:lstStyle/>
        <a:p>
          <a:endParaRPr lang="de-DE" sz="2000" dirty="0"/>
        </a:p>
        <a:p>
          <a:r>
            <a:rPr lang="de-DE" sz="2000" dirty="0"/>
            <a:t>Wissenschaft &amp; Forschung</a:t>
          </a:r>
        </a:p>
        <a:p>
          <a:r>
            <a:rPr lang="de-DE" sz="2000" dirty="0"/>
            <a:t>Ricerca </a:t>
          </a:r>
          <a:r>
            <a:rPr lang="de-DE" sz="2000" dirty="0" err="1"/>
            <a:t>scientifica</a:t>
          </a:r>
          <a:endParaRPr lang="de-DE" sz="2000" dirty="0"/>
        </a:p>
        <a:p>
          <a:endParaRPr lang="de-DE" sz="2000" dirty="0"/>
        </a:p>
      </dgm:t>
    </dgm:pt>
    <dgm:pt modelId="{1EC3E628-312C-CD4D-ABB9-293DCBD94CB9}" type="parTrans" cxnId="{5885A2AB-0062-864C-B77E-B912EE31BC4C}">
      <dgm:prSet/>
      <dgm:spPr>
        <a:scene3d>
          <a:camera prst="orthographicFront"/>
          <a:lightRig rig="threePt" dir="t">
            <a:rot lat="0" lon="0" rev="7500000"/>
          </a:lightRig>
        </a:scene3d>
      </dgm:spPr>
      <dgm:t>
        <a:bodyPr/>
        <a:lstStyle/>
        <a:p>
          <a:endParaRPr lang="de-DE"/>
        </a:p>
      </dgm:t>
    </dgm:pt>
    <dgm:pt modelId="{34C3DC5F-1E19-384A-BEDE-97AD1C4C34FC}" type="sibTrans" cxnId="{5885A2AB-0062-864C-B77E-B912EE31BC4C}">
      <dgm:prSet/>
      <dgm:spPr/>
      <dgm:t>
        <a:bodyPr/>
        <a:lstStyle/>
        <a:p>
          <a:endParaRPr lang="de-DE"/>
        </a:p>
      </dgm:t>
    </dgm:pt>
    <dgm:pt modelId="{2AE98A69-79C0-6348-98CB-10952FD5F48B}">
      <dgm:prSet phldrT="[Text]" custT="1"/>
      <dgm:spPr>
        <a:solidFill>
          <a:srgbClr val="BB1448"/>
        </a:solidFill>
        <a:scene3d>
          <a:camera prst="orthographicFront"/>
          <a:lightRig rig="threePt" dir="t">
            <a:rot lat="0" lon="0" rev="7500000"/>
          </a:lightRig>
        </a:scene3d>
        <a:sp3d prstMaterial="plastic"/>
      </dgm:spPr>
      <dgm:t>
        <a:bodyPr/>
        <a:lstStyle/>
        <a:p>
          <a:r>
            <a:rPr lang="de-DE" sz="2000" dirty="0"/>
            <a:t>Infrastrukturen &amp; Telekommunikation</a:t>
          </a:r>
        </a:p>
        <a:p>
          <a:r>
            <a:rPr lang="de-DE" sz="2000" dirty="0" err="1"/>
            <a:t>Infrastrutture</a:t>
          </a:r>
          <a:r>
            <a:rPr lang="de-DE" sz="2000" dirty="0"/>
            <a:t> &amp; </a:t>
          </a:r>
          <a:r>
            <a:rPr lang="de-DE" sz="2000" dirty="0" err="1"/>
            <a:t>telecomunicazioni</a:t>
          </a:r>
          <a:endParaRPr lang="de-DE" sz="2000" dirty="0"/>
        </a:p>
      </dgm:t>
    </dgm:pt>
    <dgm:pt modelId="{2249388D-6258-134A-B332-308D53B64F01}" type="parTrans" cxnId="{12715918-5778-D745-BEB0-5F4823A02DB5}">
      <dgm:prSet/>
      <dgm:spPr>
        <a:scene3d>
          <a:camera prst="orthographicFront"/>
          <a:lightRig rig="threePt" dir="t">
            <a:rot lat="0" lon="0" rev="7500000"/>
          </a:lightRig>
        </a:scene3d>
      </dgm:spPr>
      <dgm:t>
        <a:bodyPr/>
        <a:lstStyle/>
        <a:p>
          <a:endParaRPr lang="de-DE"/>
        </a:p>
      </dgm:t>
    </dgm:pt>
    <dgm:pt modelId="{B017E036-36A5-AB4B-A6AA-A689A0F36BB8}" type="sibTrans" cxnId="{12715918-5778-D745-BEB0-5F4823A02DB5}">
      <dgm:prSet/>
      <dgm:spPr/>
      <dgm:t>
        <a:bodyPr/>
        <a:lstStyle/>
        <a:p>
          <a:endParaRPr lang="de-DE"/>
        </a:p>
      </dgm:t>
    </dgm:pt>
    <dgm:pt modelId="{8D5E2D8E-8CDF-F74E-9E32-709C39D9E87D}" type="pres">
      <dgm:prSet presAssocID="{44B2B804-E08C-9F4E-8C24-2F3368740AE3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B1B2CBF3-B4E4-C54A-A22F-F35AC0F3CBF7}" type="pres">
      <dgm:prSet presAssocID="{74C0FF2A-4EAB-6D4E-8D31-11DD58870E09}" presName="hierRoot1" presStyleCnt="0">
        <dgm:presLayoutVars>
          <dgm:hierBranch val="init"/>
        </dgm:presLayoutVars>
      </dgm:prSet>
      <dgm:spPr/>
    </dgm:pt>
    <dgm:pt modelId="{73417CFB-81B0-074B-9100-A29A54632B10}" type="pres">
      <dgm:prSet presAssocID="{74C0FF2A-4EAB-6D4E-8D31-11DD58870E09}" presName="rootComposite1" presStyleCnt="0"/>
      <dgm:spPr/>
    </dgm:pt>
    <dgm:pt modelId="{02D8FB56-01E4-694C-B929-3380A18DC4FD}" type="pres">
      <dgm:prSet presAssocID="{74C0FF2A-4EAB-6D4E-8D31-11DD58870E09}" presName="rootText1" presStyleLbl="node0" presStyleIdx="0" presStyleCnt="1" custScaleX="132467" custScaleY="136268" custLinFactNeighborY="-34376">
        <dgm:presLayoutVars>
          <dgm:chPref val="3"/>
        </dgm:presLayoutVars>
      </dgm:prSet>
      <dgm:spPr/>
    </dgm:pt>
    <dgm:pt modelId="{0ADD24B2-BFBB-7D44-98BF-DDAD61847167}" type="pres">
      <dgm:prSet presAssocID="{74C0FF2A-4EAB-6D4E-8D31-11DD58870E09}" presName="rootConnector1" presStyleLbl="node1" presStyleIdx="0" presStyleCnt="0"/>
      <dgm:spPr/>
    </dgm:pt>
    <dgm:pt modelId="{F5C063E9-45F5-754F-9405-5A4908E46530}" type="pres">
      <dgm:prSet presAssocID="{74C0FF2A-4EAB-6D4E-8D31-11DD58870E09}" presName="hierChild2" presStyleCnt="0"/>
      <dgm:spPr/>
    </dgm:pt>
    <dgm:pt modelId="{338DFB59-0145-AA43-A7C0-91768134889D}" type="pres">
      <dgm:prSet presAssocID="{EF581776-D30B-174A-8273-A8C0F0053609}" presName="Name37" presStyleLbl="parChTrans1D2" presStyleIdx="0" presStyleCnt="3"/>
      <dgm:spPr/>
    </dgm:pt>
    <dgm:pt modelId="{140C5408-77F4-174F-AEAE-23491F637671}" type="pres">
      <dgm:prSet presAssocID="{24DAB6F8-FD0B-7A4D-9A61-FF8F2D054809}" presName="hierRoot2" presStyleCnt="0">
        <dgm:presLayoutVars>
          <dgm:hierBranch val="init"/>
        </dgm:presLayoutVars>
      </dgm:prSet>
      <dgm:spPr/>
    </dgm:pt>
    <dgm:pt modelId="{1C33B896-84F1-F049-BDD8-18F52D942CB1}" type="pres">
      <dgm:prSet presAssocID="{24DAB6F8-FD0B-7A4D-9A61-FF8F2D054809}" presName="rootComposite" presStyleCnt="0"/>
      <dgm:spPr/>
    </dgm:pt>
    <dgm:pt modelId="{039F6ED7-3EE5-6F4C-907A-F02E8D766858}" type="pres">
      <dgm:prSet presAssocID="{24DAB6F8-FD0B-7A4D-9A61-FF8F2D054809}" presName="rootText" presStyleLbl="node2" presStyleIdx="0" presStyleCnt="3" custScaleX="112229" custScaleY="117812">
        <dgm:presLayoutVars>
          <dgm:chPref val="3"/>
        </dgm:presLayoutVars>
      </dgm:prSet>
      <dgm:spPr/>
    </dgm:pt>
    <dgm:pt modelId="{EB787212-E2E4-0D4A-9F5B-4C3513A6558E}" type="pres">
      <dgm:prSet presAssocID="{24DAB6F8-FD0B-7A4D-9A61-FF8F2D054809}" presName="rootConnector" presStyleLbl="node2" presStyleIdx="0" presStyleCnt="3"/>
      <dgm:spPr/>
    </dgm:pt>
    <dgm:pt modelId="{81C552D1-E47F-8440-81CA-CFF335D713E8}" type="pres">
      <dgm:prSet presAssocID="{24DAB6F8-FD0B-7A4D-9A61-FF8F2D054809}" presName="hierChild4" presStyleCnt="0"/>
      <dgm:spPr/>
    </dgm:pt>
    <dgm:pt modelId="{42C7CAE0-D42C-414A-8619-596C543C276C}" type="pres">
      <dgm:prSet presAssocID="{24DAB6F8-FD0B-7A4D-9A61-FF8F2D054809}" presName="hierChild5" presStyleCnt="0"/>
      <dgm:spPr/>
    </dgm:pt>
    <dgm:pt modelId="{1800C3D4-C90E-1B4C-AF14-6D5199DF1C1A}" type="pres">
      <dgm:prSet presAssocID="{1EC3E628-312C-CD4D-ABB9-293DCBD94CB9}" presName="Name37" presStyleLbl="parChTrans1D2" presStyleIdx="1" presStyleCnt="3"/>
      <dgm:spPr/>
    </dgm:pt>
    <dgm:pt modelId="{ECBB6291-FF07-F547-80C6-EAA3947F76D9}" type="pres">
      <dgm:prSet presAssocID="{91FB8E4B-7975-F049-BEE2-F8AF93094AA1}" presName="hierRoot2" presStyleCnt="0">
        <dgm:presLayoutVars>
          <dgm:hierBranch val="init"/>
        </dgm:presLayoutVars>
      </dgm:prSet>
      <dgm:spPr/>
    </dgm:pt>
    <dgm:pt modelId="{24DBDAD8-3238-8B45-A224-F9E6C0FB5AEE}" type="pres">
      <dgm:prSet presAssocID="{91FB8E4B-7975-F049-BEE2-F8AF93094AA1}" presName="rootComposite" presStyleCnt="0"/>
      <dgm:spPr/>
    </dgm:pt>
    <dgm:pt modelId="{FF110036-BEB1-AA44-9A97-9496FFC358C4}" type="pres">
      <dgm:prSet presAssocID="{91FB8E4B-7975-F049-BEE2-F8AF93094AA1}" presName="rootText" presStyleLbl="node2" presStyleIdx="1" presStyleCnt="3" custScaleX="112229" custScaleY="117812">
        <dgm:presLayoutVars>
          <dgm:chPref val="3"/>
        </dgm:presLayoutVars>
      </dgm:prSet>
      <dgm:spPr/>
    </dgm:pt>
    <dgm:pt modelId="{113AF41B-5333-4F48-8CEC-C4F68C12B90F}" type="pres">
      <dgm:prSet presAssocID="{91FB8E4B-7975-F049-BEE2-F8AF93094AA1}" presName="rootConnector" presStyleLbl="node2" presStyleIdx="1" presStyleCnt="3"/>
      <dgm:spPr/>
    </dgm:pt>
    <dgm:pt modelId="{24856BBA-D69A-7B49-8AF6-DF9B6396EDA6}" type="pres">
      <dgm:prSet presAssocID="{91FB8E4B-7975-F049-BEE2-F8AF93094AA1}" presName="hierChild4" presStyleCnt="0"/>
      <dgm:spPr/>
    </dgm:pt>
    <dgm:pt modelId="{4D0BC407-4CEF-4E41-88E8-E0C277578F5E}" type="pres">
      <dgm:prSet presAssocID="{91FB8E4B-7975-F049-BEE2-F8AF93094AA1}" presName="hierChild5" presStyleCnt="0"/>
      <dgm:spPr/>
    </dgm:pt>
    <dgm:pt modelId="{D90EBABF-C0D1-4044-80A6-5245569C42AB}" type="pres">
      <dgm:prSet presAssocID="{2249388D-6258-134A-B332-308D53B64F01}" presName="Name37" presStyleLbl="parChTrans1D2" presStyleIdx="2" presStyleCnt="3"/>
      <dgm:spPr/>
    </dgm:pt>
    <dgm:pt modelId="{534BCE5A-C221-8F4C-AC5E-C137A7C84BE6}" type="pres">
      <dgm:prSet presAssocID="{2AE98A69-79C0-6348-98CB-10952FD5F48B}" presName="hierRoot2" presStyleCnt="0">
        <dgm:presLayoutVars>
          <dgm:hierBranch val="init"/>
        </dgm:presLayoutVars>
      </dgm:prSet>
      <dgm:spPr/>
    </dgm:pt>
    <dgm:pt modelId="{52BD085B-5192-3648-91FF-3C000B54B572}" type="pres">
      <dgm:prSet presAssocID="{2AE98A69-79C0-6348-98CB-10952FD5F48B}" presName="rootComposite" presStyleCnt="0"/>
      <dgm:spPr/>
    </dgm:pt>
    <dgm:pt modelId="{B55A5CA0-FA0D-D043-B183-81993E525C59}" type="pres">
      <dgm:prSet presAssocID="{2AE98A69-79C0-6348-98CB-10952FD5F48B}" presName="rootText" presStyleLbl="node2" presStyleIdx="2" presStyleCnt="3" custScaleX="112229" custScaleY="117812">
        <dgm:presLayoutVars>
          <dgm:chPref val="3"/>
        </dgm:presLayoutVars>
      </dgm:prSet>
      <dgm:spPr/>
    </dgm:pt>
    <dgm:pt modelId="{A2D67A85-326B-124E-8ABC-401571776DF7}" type="pres">
      <dgm:prSet presAssocID="{2AE98A69-79C0-6348-98CB-10952FD5F48B}" presName="rootConnector" presStyleLbl="node2" presStyleIdx="2" presStyleCnt="3"/>
      <dgm:spPr/>
    </dgm:pt>
    <dgm:pt modelId="{D538821D-AF0E-2A47-8A12-1A6086B24275}" type="pres">
      <dgm:prSet presAssocID="{2AE98A69-79C0-6348-98CB-10952FD5F48B}" presName="hierChild4" presStyleCnt="0"/>
      <dgm:spPr/>
    </dgm:pt>
    <dgm:pt modelId="{C077386C-F95E-314A-AAD2-C2991A8FAAB8}" type="pres">
      <dgm:prSet presAssocID="{2AE98A69-79C0-6348-98CB-10952FD5F48B}" presName="hierChild5" presStyleCnt="0"/>
      <dgm:spPr/>
    </dgm:pt>
    <dgm:pt modelId="{D57393FB-CEC9-914A-A4AA-828381BAFECF}" type="pres">
      <dgm:prSet presAssocID="{74C0FF2A-4EAB-6D4E-8D31-11DD58870E09}" presName="hierChild3" presStyleCnt="0"/>
      <dgm:spPr/>
    </dgm:pt>
  </dgm:ptLst>
  <dgm:cxnLst>
    <dgm:cxn modelId="{12715918-5778-D745-BEB0-5F4823A02DB5}" srcId="{74C0FF2A-4EAB-6D4E-8D31-11DD58870E09}" destId="{2AE98A69-79C0-6348-98CB-10952FD5F48B}" srcOrd="2" destOrd="0" parTransId="{2249388D-6258-134A-B332-308D53B64F01}" sibTransId="{B017E036-36A5-AB4B-A6AA-A689A0F36BB8}"/>
    <dgm:cxn modelId="{1C4A3133-B2F5-9E4A-A523-BEF9759E745C}" type="presOf" srcId="{74C0FF2A-4EAB-6D4E-8D31-11DD58870E09}" destId="{0ADD24B2-BFBB-7D44-98BF-DDAD61847167}" srcOrd="1" destOrd="0" presId="urn:microsoft.com/office/officeart/2005/8/layout/orgChart1"/>
    <dgm:cxn modelId="{FF854340-EC95-674E-B133-2337A1493463}" type="presOf" srcId="{2AE98A69-79C0-6348-98CB-10952FD5F48B}" destId="{B55A5CA0-FA0D-D043-B183-81993E525C59}" srcOrd="0" destOrd="0" presId="urn:microsoft.com/office/officeart/2005/8/layout/orgChart1"/>
    <dgm:cxn modelId="{5D8D995F-6E21-C148-A223-A816D91C1DBC}" type="presOf" srcId="{24DAB6F8-FD0B-7A4D-9A61-FF8F2D054809}" destId="{EB787212-E2E4-0D4A-9F5B-4C3513A6558E}" srcOrd="1" destOrd="0" presId="urn:microsoft.com/office/officeart/2005/8/layout/orgChart1"/>
    <dgm:cxn modelId="{9AB4AC46-C633-E546-96E0-583A58D0724B}" type="presOf" srcId="{2249388D-6258-134A-B332-308D53B64F01}" destId="{D90EBABF-C0D1-4044-80A6-5245569C42AB}" srcOrd="0" destOrd="0" presId="urn:microsoft.com/office/officeart/2005/8/layout/orgChart1"/>
    <dgm:cxn modelId="{51D08A52-33C2-184D-8603-0F5E07098EE3}" srcId="{44B2B804-E08C-9F4E-8C24-2F3368740AE3}" destId="{74C0FF2A-4EAB-6D4E-8D31-11DD58870E09}" srcOrd="0" destOrd="0" parTransId="{C5C62E36-EBB2-0644-9F5C-48478382776C}" sibTransId="{07450D37-0195-1947-82E9-F6BDF229C041}"/>
    <dgm:cxn modelId="{7281ED7E-2FD4-B044-B024-9C1F10A946B1}" srcId="{74C0FF2A-4EAB-6D4E-8D31-11DD58870E09}" destId="{24DAB6F8-FD0B-7A4D-9A61-FF8F2D054809}" srcOrd="0" destOrd="0" parTransId="{EF581776-D30B-174A-8273-A8C0F0053609}" sibTransId="{0C39F206-53BB-7944-B65B-95005E88BA5E}"/>
    <dgm:cxn modelId="{9EBB1380-6145-A64A-BB9D-9036511CD055}" type="presOf" srcId="{74C0FF2A-4EAB-6D4E-8D31-11DD58870E09}" destId="{02D8FB56-01E4-694C-B929-3380A18DC4FD}" srcOrd="0" destOrd="0" presId="urn:microsoft.com/office/officeart/2005/8/layout/orgChart1"/>
    <dgm:cxn modelId="{EF8DD699-6573-894F-BEB0-DE042F4F675B}" type="presOf" srcId="{24DAB6F8-FD0B-7A4D-9A61-FF8F2D054809}" destId="{039F6ED7-3EE5-6F4C-907A-F02E8D766858}" srcOrd="0" destOrd="0" presId="urn:microsoft.com/office/officeart/2005/8/layout/orgChart1"/>
    <dgm:cxn modelId="{E54AA39D-5FFE-E848-90BD-C09FE32BF3F0}" type="presOf" srcId="{EF581776-D30B-174A-8273-A8C0F0053609}" destId="{338DFB59-0145-AA43-A7C0-91768134889D}" srcOrd="0" destOrd="0" presId="urn:microsoft.com/office/officeart/2005/8/layout/orgChart1"/>
    <dgm:cxn modelId="{5885A2AB-0062-864C-B77E-B912EE31BC4C}" srcId="{74C0FF2A-4EAB-6D4E-8D31-11DD58870E09}" destId="{91FB8E4B-7975-F049-BEE2-F8AF93094AA1}" srcOrd="1" destOrd="0" parTransId="{1EC3E628-312C-CD4D-ABB9-293DCBD94CB9}" sibTransId="{34C3DC5F-1E19-384A-BEDE-97AD1C4C34FC}"/>
    <dgm:cxn modelId="{9979FAB6-475E-F741-BFF4-BF79075F6640}" type="presOf" srcId="{2AE98A69-79C0-6348-98CB-10952FD5F48B}" destId="{A2D67A85-326B-124E-8ABC-401571776DF7}" srcOrd="1" destOrd="0" presId="urn:microsoft.com/office/officeart/2005/8/layout/orgChart1"/>
    <dgm:cxn modelId="{CCE5CDBE-3DD8-9A40-8BA3-2162259A8445}" type="presOf" srcId="{91FB8E4B-7975-F049-BEE2-F8AF93094AA1}" destId="{FF110036-BEB1-AA44-9A97-9496FFC358C4}" srcOrd="0" destOrd="0" presId="urn:microsoft.com/office/officeart/2005/8/layout/orgChart1"/>
    <dgm:cxn modelId="{196365CC-1679-5146-B8E0-2F1794F86C17}" type="presOf" srcId="{44B2B804-E08C-9F4E-8C24-2F3368740AE3}" destId="{8D5E2D8E-8CDF-F74E-9E32-709C39D9E87D}" srcOrd="0" destOrd="0" presId="urn:microsoft.com/office/officeart/2005/8/layout/orgChart1"/>
    <dgm:cxn modelId="{A5A250D4-F546-E545-9AC4-ECCB1905AC12}" type="presOf" srcId="{91FB8E4B-7975-F049-BEE2-F8AF93094AA1}" destId="{113AF41B-5333-4F48-8CEC-C4F68C12B90F}" srcOrd="1" destOrd="0" presId="urn:microsoft.com/office/officeart/2005/8/layout/orgChart1"/>
    <dgm:cxn modelId="{0138FFF8-9E4F-6642-B3DC-F198D162A8F8}" type="presOf" srcId="{1EC3E628-312C-CD4D-ABB9-293DCBD94CB9}" destId="{1800C3D4-C90E-1B4C-AF14-6D5199DF1C1A}" srcOrd="0" destOrd="0" presId="urn:microsoft.com/office/officeart/2005/8/layout/orgChart1"/>
    <dgm:cxn modelId="{D7B546AB-5E8A-CB44-A02B-BED15F022315}" type="presParOf" srcId="{8D5E2D8E-8CDF-F74E-9E32-709C39D9E87D}" destId="{B1B2CBF3-B4E4-C54A-A22F-F35AC0F3CBF7}" srcOrd="0" destOrd="0" presId="urn:microsoft.com/office/officeart/2005/8/layout/orgChart1"/>
    <dgm:cxn modelId="{448984DF-D91C-4747-9257-A3C36FC6D996}" type="presParOf" srcId="{B1B2CBF3-B4E4-C54A-A22F-F35AC0F3CBF7}" destId="{73417CFB-81B0-074B-9100-A29A54632B10}" srcOrd="0" destOrd="0" presId="urn:microsoft.com/office/officeart/2005/8/layout/orgChart1"/>
    <dgm:cxn modelId="{CABA6C5F-66A1-9346-9B16-AD00A500025E}" type="presParOf" srcId="{73417CFB-81B0-074B-9100-A29A54632B10}" destId="{02D8FB56-01E4-694C-B929-3380A18DC4FD}" srcOrd="0" destOrd="0" presId="urn:microsoft.com/office/officeart/2005/8/layout/orgChart1"/>
    <dgm:cxn modelId="{A29BA646-AA4B-954C-BFB3-F052AF8FE0FF}" type="presParOf" srcId="{73417CFB-81B0-074B-9100-A29A54632B10}" destId="{0ADD24B2-BFBB-7D44-98BF-DDAD61847167}" srcOrd="1" destOrd="0" presId="urn:microsoft.com/office/officeart/2005/8/layout/orgChart1"/>
    <dgm:cxn modelId="{23857E02-A91F-A441-A714-7F7E595D9775}" type="presParOf" srcId="{B1B2CBF3-B4E4-C54A-A22F-F35AC0F3CBF7}" destId="{F5C063E9-45F5-754F-9405-5A4908E46530}" srcOrd="1" destOrd="0" presId="urn:microsoft.com/office/officeart/2005/8/layout/orgChart1"/>
    <dgm:cxn modelId="{143C8333-B024-7947-BBB2-FD8E3C0E8177}" type="presParOf" srcId="{F5C063E9-45F5-754F-9405-5A4908E46530}" destId="{338DFB59-0145-AA43-A7C0-91768134889D}" srcOrd="0" destOrd="0" presId="urn:microsoft.com/office/officeart/2005/8/layout/orgChart1"/>
    <dgm:cxn modelId="{CBEB0B73-6AD2-0A43-8833-95E710D301A4}" type="presParOf" srcId="{F5C063E9-45F5-754F-9405-5A4908E46530}" destId="{140C5408-77F4-174F-AEAE-23491F637671}" srcOrd="1" destOrd="0" presId="urn:microsoft.com/office/officeart/2005/8/layout/orgChart1"/>
    <dgm:cxn modelId="{A7A207E8-7A9A-4448-8B4F-E308AD037DA3}" type="presParOf" srcId="{140C5408-77F4-174F-AEAE-23491F637671}" destId="{1C33B896-84F1-F049-BDD8-18F52D942CB1}" srcOrd="0" destOrd="0" presId="urn:microsoft.com/office/officeart/2005/8/layout/orgChart1"/>
    <dgm:cxn modelId="{53EA3491-1556-DC41-A348-D79D5733DCD9}" type="presParOf" srcId="{1C33B896-84F1-F049-BDD8-18F52D942CB1}" destId="{039F6ED7-3EE5-6F4C-907A-F02E8D766858}" srcOrd="0" destOrd="0" presId="urn:microsoft.com/office/officeart/2005/8/layout/orgChart1"/>
    <dgm:cxn modelId="{5D392E2A-A496-1446-A0DC-CC269015F009}" type="presParOf" srcId="{1C33B896-84F1-F049-BDD8-18F52D942CB1}" destId="{EB787212-E2E4-0D4A-9F5B-4C3513A6558E}" srcOrd="1" destOrd="0" presId="urn:microsoft.com/office/officeart/2005/8/layout/orgChart1"/>
    <dgm:cxn modelId="{EE3AA04C-F845-FD49-A31E-290C2C34C882}" type="presParOf" srcId="{140C5408-77F4-174F-AEAE-23491F637671}" destId="{81C552D1-E47F-8440-81CA-CFF335D713E8}" srcOrd="1" destOrd="0" presId="urn:microsoft.com/office/officeart/2005/8/layout/orgChart1"/>
    <dgm:cxn modelId="{74FD150B-EBDC-4F46-9CD1-0BC918507067}" type="presParOf" srcId="{140C5408-77F4-174F-AEAE-23491F637671}" destId="{42C7CAE0-D42C-414A-8619-596C543C276C}" srcOrd="2" destOrd="0" presId="urn:microsoft.com/office/officeart/2005/8/layout/orgChart1"/>
    <dgm:cxn modelId="{54C64423-536F-1D43-B8A8-A60E2A3777EA}" type="presParOf" srcId="{F5C063E9-45F5-754F-9405-5A4908E46530}" destId="{1800C3D4-C90E-1B4C-AF14-6D5199DF1C1A}" srcOrd="2" destOrd="0" presId="urn:microsoft.com/office/officeart/2005/8/layout/orgChart1"/>
    <dgm:cxn modelId="{9CA181B6-7407-E64F-8BC3-085794194C23}" type="presParOf" srcId="{F5C063E9-45F5-754F-9405-5A4908E46530}" destId="{ECBB6291-FF07-F547-80C6-EAA3947F76D9}" srcOrd="3" destOrd="0" presId="urn:microsoft.com/office/officeart/2005/8/layout/orgChart1"/>
    <dgm:cxn modelId="{33BB5513-884D-5243-9D9E-F88B8DBE1861}" type="presParOf" srcId="{ECBB6291-FF07-F547-80C6-EAA3947F76D9}" destId="{24DBDAD8-3238-8B45-A224-F9E6C0FB5AEE}" srcOrd="0" destOrd="0" presId="urn:microsoft.com/office/officeart/2005/8/layout/orgChart1"/>
    <dgm:cxn modelId="{BA397C66-042D-644A-A7CA-5E7ADB86B937}" type="presParOf" srcId="{24DBDAD8-3238-8B45-A224-F9E6C0FB5AEE}" destId="{FF110036-BEB1-AA44-9A97-9496FFC358C4}" srcOrd="0" destOrd="0" presId="urn:microsoft.com/office/officeart/2005/8/layout/orgChart1"/>
    <dgm:cxn modelId="{E0AD5EF3-54EA-C446-8DB2-BCDB0EAC8907}" type="presParOf" srcId="{24DBDAD8-3238-8B45-A224-F9E6C0FB5AEE}" destId="{113AF41B-5333-4F48-8CEC-C4F68C12B90F}" srcOrd="1" destOrd="0" presId="urn:microsoft.com/office/officeart/2005/8/layout/orgChart1"/>
    <dgm:cxn modelId="{A0D6709C-C863-BE41-995D-E53E537AF7D1}" type="presParOf" srcId="{ECBB6291-FF07-F547-80C6-EAA3947F76D9}" destId="{24856BBA-D69A-7B49-8AF6-DF9B6396EDA6}" srcOrd="1" destOrd="0" presId="urn:microsoft.com/office/officeart/2005/8/layout/orgChart1"/>
    <dgm:cxn modelId="{394CBF5B-EF20-414E-9240-1710E58A1C74}" type="presParOf" srcId="{ECBB6291-FF07-F547-80C6-EAA3947F76D9}" destId="{4D0BC407-4CEF-4E41-88E8-E0C277578F5E}" srcOrd="2" destOrd="0" presId="urn:microsoft.com/office/officeart/2005/8/layout/orgChart1"/>
    <dgm:cxn modelId="{DB7CBF6B-FE4E-B84C-8F8C-560299A7EC46}" type="presParOf" srcId="{F5C063E9-45F5-754F-9405-5A4908E46530}" destId="{D90EBABF-C0D1-4044-80A6-5245569C42AB}" srcOrd="4" destOrd="0" presId="urn:microsoft.com/office/officeart/2005/8/layout/orgChart1"/>
    <dgm:cxn modelId="{BC49AB6A-B391-934D-BB48-95AB0D8741B3}" type="presParOf" srcId="{F5C063E9-45F5-754F-9405-5A4908E46530}" destId="{534BCE5A-C221-8F4C-AC5E-C137A7C84BE6}" srcOrd="5" destOrd="0" presId="urn:microsoft.com/office/officeart/2005/8/layout/orgChart1"/>
    <dgm:cxn modelId="{E766F69B-3974-3B42-99F9-2A14D01AF41D}" type="presParOf" srcId="{534BCE5A-C221-8F4C-AC5E-C137A7C84BE6}" destId="{52BD085B-5192-3648-91FF-3C000B54B572}" srcOrd="0" destOrd="0" presId="urn:microsoft.com/office/officeart/2005/8/layout/orgChart1"/>
    <dgm:cxn modelId="{51AFE3A5-B09F-124F-8C11-CBC52B1C6C4F}" type="presParOf" srcId="{52BD085B-5192-3648-91FF-3C000B54B572}" destId="{B55A5CA0-FA0D-D043-B183-81993E525C59}" srcOrd="0" destOrd="0" presId="urn:microsoft.com/office/officeart/2005/8/layout/orgChart1"/>
    <dgm:cxn modelId="{404F45FC-F9A2-8246-81BA-32B9039B2EA0}" type="presParOf" srcId="{52BD085B-5192-3648-91FF-3C000B54B572}" destId="{A2D67A85-326B-124E-8ABC-401571776DF7}" srcOrd="1" destOrd="0" presId="urn:microsoft.com/office/officeart/2005/8/layout/orgChart1"/>
    <dgm:cxn modelId="{477B0421-39F7-8B4D-B60C-97A7E9A93546}" type="presParOf" srcId="{534BCE5A-C221-8F4C-AC5E-C137A7C84BE6}" destId="{D538821D-AF0E-2A47-8A12-1A6086B24275}" srcOrd="1" destOrd="0" presId="urn:microsoft.com/office/officeart/2005/8/layout/orgChart1"/>
    <dgm:cxn modelId="{392A5492-A9F3-5542-8809-6B84F7E9E7DB}" type="presParOf" srcId="{534BCE5A-C221-8F4C-AC5E-C137A7C84BE6}" destId="{C077386C-F95E-314A-AAD2-C2991A8FAAB8}" srcOrd="2" destOrd="0" presId="urn:microsoft.com/office/officeart/2005/8/layout/orgChart1"/>
    <dgm:cxn modelId="{A7B1A0FF-E763-BE48-9207-76B6B1DA1BE4}" type="presParOf" srcId="{B1B2CBF3-B4E4-C54A-A22F-F35AC0F3CBF7}" destId="{D57393FB-CEC9-914A-A4AA-828381BAFECF}" srcOrd="2" destOrd="0" presId="urn:microsoft.com/office/officeart/2005/8/layout/orgChart1"/>
  </dgm:cxnLst>
  <dgm:bg>
    <a:noFill/>
    <a:effectLst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7952681F-D1A4-460B-9898-A0FB2D3A73B8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C79E35E2-DEEE-4643-8436-308320787D02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glasfasernetz: Hauptleitungen &amp; letzte Meile</a:t>
          </a:r>
        </a:p>
      </dgm:t>
    </dgm:pt>
    <dgm:pt modelId="{ADB8FE3A-00DC-410D-83DE-F164FE65BCCA}" type="par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4587573A-90B0-4654-ABA9-7F68C7024AD8}" type="sibTrans" cxnId="{7DED543F-1DD3-4AAF-8EEB-1F34028B39B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BB92C1E-1BFA-470B-87A8-9DB3BC33CD9F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nbindung öffentliche Einrichtungen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6CABB110-541E-4F45-B119-AE76E99BF967}" type="par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CE05674-D9AF-4D0F-BF92-8959619F7C2D}" type="sibTrans" cxnId="{75A45237-F686-4F7F-8103-D69C0AEADE3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366C61F-C859-4611-B599-41F867A3CED0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Hotspots &amp; Wireless-Anbindungen</a:t>
          </a:r>
        </a:p>
      </dgm:t>
    </dgm:pt>
    <dgm:pt modelId="{2AAB8005-7298-4293-AE44-2D86B5C3B567}" type="par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DE763234-5AA9-47DE-99AB-E9E908EC2574}" type="sibTrans" cxnId="{19AC5C62-BA68-47F8-9A97-E3213465D160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0D4B81E-90FA-4D8B-99C6-CA6F1B961251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Beseitigung Umweltschäden</a:t>
          </a:r>
        </a:p>
      </dgm:t>
    </dgm:pt>
    <dgm:pt modelId="{BC9951C2-5558-4C7A-8693-59967CEDC435}" type="parTrans" cxnId="{8152346F-D727-4E4B-80C0-36B7BCD61123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A8E7A4A-9C8D-4034-95FE-BDD38FDD03D3}" type="sibTrans" cxnId="{8152346F-D727-4E4B-80C0-36B7BCD61123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EE607DA-A226-4BCF-892E-16C10FCC619E}">
      <dgm:prSet custT="1"/>
      <dgm:spPr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ntsorgungsanlagen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C3E19BED-9558-424E-996A-19A92F0D7DF7}" type="parTrans" cxnId="{A67685C1-1FCD-43ED-96FD-DF2D82859B3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F558716E-20A6-4F1A-A203-B016E6D26D74}" type="sibTrans" cxnId="{A67685C1-1FCD-43ED-96FD-DF2D82859B3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8B65B40-17F1-4089-A601-1CAC32F32195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rschließung Gewerbegebiete</a:t>
          </a:r>
        </a:p>
      </dgm:t>
    </dgm:pt>
    <dgm:pt modelId="{9EEFA8C2-709E-4792-BC66-2C5CFB60C966}" type="parTrans" cxnId="{7A9047E4-DF45-4BAB-8B1A-6A5ADED8C97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7B41C9D-B364-4277-B515-B2275B7D1EFA}" type="sibTrans" cxnId="{7A9047E4-DF45-4BAB-8B1A-6A5ADED8C971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7604B36-9641-41EE-830D-862E4B1A5E42}">
      <dgm:prSet custT="1"/>
      <dgm:spPr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Beratung/Unterstützung Gemeinden</a:t>
          </a:r>
        </a:p>
      </dgm:t>
    </dgm:pt>
    <dgm:pt modelId="{D7AEB27F-F5FF-4814-8D91-CCC3E57300B3}" type="parTrans" cxnId="{BD0E1F60-68AF-464E-9CB5-F32AC8E35EA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4523720-7129-4148-9EA2-30385429355A}" type="sibTrans" cxnId="{BD0E1F60-68AF-464E-9CB5-F32AC8E35EA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4634862C-8872-4628-900D-C1A6F1383F70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Aufsicht über RAS</a:t>
          </a:r>
        </a:p>
      </dgm:t>
    </dgm:pt>
    <dgm:pt modelId="{A3FBEF96-89FC-4C98-84D0-F58741A325C7}" type="parTrans" cxnId="{F114D630-4F37-436E-B2B5-E0CDAC39EF01}">
      <dgm:prSet/>
      <dgm:spPr/>
      <dgm:t>
        <a:bodyPr/>
        <a:lstStyle/>
        <a:p>
          <a:endParaRPr lang="de-DE"/>
        </a:p>
      </dgm:t>
    </dgm:pt>
    <dgm:pt modelId="{428FC636-4854-4B0D-8679-5934BD07DC1D}" type="sibTrans" cxnId="{F114D630-4F37-436E-B2B5-E0CDAC39EF01}">
      <dgm:prSet/>
      <dgm:spPr/>
      <dgm:t>
        <a:bodyPr/>
        <a:lstStyle/>
        <a:p>
          <a:endParaRPr lang="de-DE"/>
        </a:p>
      </dgm:t>
    </dgm:pt>
    <dgm:pt modelId="{DD82CECE-BAC4-4179-ADE2-96C88036303D}" type="pres">
      <dgm:prSet presAssocID="{7952681F-D1A4-460B-9898-A0FB2D3A73B8}" presName="linear" presStyleCnt="0">
        <dgm:presLayoutVars>
          <dgm:animLvl val="lvl"/>
          <dgm:resizeHandles val="exact"/>
        </dgm:presLayoutVars>
      </dgm:prSet>
      <dgm:spPr/>
    </dgm:pt>
    <dgm:pt modelId="{5799DF66-8DB6-4DB7-8230-74BB741E9BD5}" type="pres">
      <dgm:prSet presAssocID="{C79E35E2-DEEE-4643-8436-308320787D02}" presName="parentText" presStyleLbl="node1" presStyleIdx="0" presStyleCnt="8">
        <dgm:presLayoutVars>
          <dgm:chMax val="0"/>
          <dgm:bulletEnabled val="1"/>
        </dgm:presLayoutVars>
      </dgm:prSet>
      <dgm:spPr/>
    </dgm:pt>
    <dgm:pt modelId="{D56674DA-1812-4224-9BC6-82BAB12B9E35}" type="pres">
      <dgm:prSet presAssocID="{4587573A-90B0-4654-ABA9-7F68C7024AD8}" presName="spacer" presStyleCnt="0"/>
      <dgm:spPr/>
    </dgm:pt>
    <dgm:pt modelId="{093EA689-D42B-4868-91A5-3E160676E835}" type="pres">
      <dgm:prSet presAssocID="{5BB92C1E-1BFA-470B-87A8-9DB3BC33CD9F}" presName="parentText" presStyleLbl="node1" presStyleIdx="1" presStyleCnt="8">
        <dgm:presLayoutVars>
          <dgm:chMax val="0"/>
          <dgm:bulletEnabled val="1"/>
        </dgm:presLayoutVars>
      </dgm:prSet>
      <dgm:spPr/>
    </dgm:pt>
    <dgm:pt modelId="{B78D9A0C-0782-4B10-84BF-09A30CC85EFE}" type="pres">
      <dgm:prSet presAssocID="{2CE05674-D9AF-4D0F-BF92-8959619F7C2D}" presName="spacer" presStyleCnt="0"/>
      <dgm:spPr/>
    </dgm:pt>
    <dgm:pt modelId="{9053F88B-63B8-4978-A4F5-52D25F314757}" type="pres">
      <dgm:prSet presAssocID="{7366C61F-C859-4611-B599-41F867A3CED0}" presName="parentText" presStyleLbl="node1" presStyleIdx="2" presStyleCnt="8">
        <dgm:presLayoutVars>
          <dgm:chMax val="0"/>
          <dgm:bulletEnabled val="1"/>
        </dgm:presLayoutVars>
      </dgm:prSet>
      <dgm:spPr/>
    </dgm:pt>
    <dgm:pt modelId="{A3FAD5F6-9648-41CA-B295-70A1CBD8D492}" type="pres">
      <dgm:prSet presAssocID="{DE763234-5AA9-47DE-99AB-E9E908EC2574}" presName="spacer" presStyleCnt="0"/>
      <dgm:spPr/>
    </dgm:pt>
    <dgm:pt modelId="{04073B0F-FDAF-49C4-A419-1C7BFF8E9A52}" type="pres">
      <dgm:prSet presAssocID="{00D4B81E-90FA-4D8B-99C6-CA6F1B961251}" presName="parentText" presStyleLbl="node1" presStyleIdx="3" presStyleCnt="8">
        <dgm:presLayoutVars>
          <dgm:chMax val="0"/>
          <dgm:bulletEnabled val="1"/>
        </dgm:presLayoutVars>
      </dgm:prSet>
      <dgm:spPr>
        <a:xfrm>
          <a:off x="0" y="1857145"/>
          <a:ext cx="4007394" cy="537030"/>
        </a:xfrm>
        <a:prstGeom prst="roundRect">
          <a:avLst/>
        </a:prstGeom>
      </dgm:spPr>
    </dgm:pt>
    <dgm:pt modelId="{BD39614D-44DA-464B-8614-4FAEB38DAE5D}" type="pres">
      <dgm:prSet presAssocID="{BA8E7A4A-9C8D-4034-95FE-BDD38FDD03D3}" presName="spacer" presStyleCnt="0"/>
      <dgm:spPr/>
    </dgm:pt>
    <dgm:pt modelId="{86F51451-A8B3-4873-8AEF-D4D52B6C2BE7}" type="pres">
      <dgm:prSet presAssocID="{2EE607DA-A226-4BCF-892E-16C10FCC619E}" presName="parentText" presStyleLbl="node1" presStyleIdx="4" presStyleCnt="8">
        <dgm:presLayoutVars>
          <dgm:chMax val="0"/>
          <dgm:bulletEnabled val="1"/>
        </dgm:presLayoutVars>
      </dgm:prSet>
      <dgm:spPr>
        <a:xfrm>
          <a:off x="0" y="2471935"/>
          <a:ext cx="4007394" cy="537030"/>
        </a:xfrm>
        <a:prstGeom prst="roundRect">
          <a:avLst/>
        </a:prstGeom>
      </dgm:spPr>
    </dgm:pt>
    <dgm:pt modelId="{11308A40-F746-4582-A043-D20788E603D2}" type="pres">
      <dgm:prSet presAssocID="{F558716E-20A6-4F1A-A203-B016E6D26D74}" presName="spacer" presStyleCnt="0"/>
      <dgm:spPr/>
    </dgm:pt>
    <dgm:pt modelId="{2BB86465-BCFD-490C-8283-5CF00DEB4BC7}" type="pres">
      <dgm:prSet presAssocID="{E8B65B40-17F1-4089-A601-1CAC32F32195}" presName="parentText" presStyleLbl="node1" presStyleIdx="5" presStyleCnt="8">
        <dgm:presLayoutVars>
          <dgm:chMax val="0"/>
          <dgm:bulletEnabled val="1"/>
        </dgm:presLayoutVars>
      </dgm:prSet>
      <dgm:spPr>
        <a:xfrm>
          <a:off x="0" y="3086725"/>
          <a:ext cx="4007394" cy="537030"/>
        </a:xfrm>
        <a:prstGeom prst="roundRect">
          <a:avLst/>
        </a:prstGeom>
      </dgm:spPr>
    </dgm:pt>
    <dgm:pt modelId="{F016531D-F9F5-4851-AC1F-1E8658FF1DF2}" type="pres">
      <dgm:prSet presAssocID="{B7B41C9D-B364-4277-B515-B2275B7D1EFA}" presName="spacer" presStyleCnt="0"/>
      <dgm:spPr/>
    </dgm:pt>
    <dgm:pt modelId="{B594140E-2343-4E52-991F-1A75D918B874}" type="pres">
      <dgm:prSet presAssocID="{C7604B36-9641-41EE-830D-862E4B1A5E42}" presName="parentText" presStyleLbl="node1" presStyleIdx="6" presStyleCnt="8">
        <dgm:presLayoutVars>
          <dgm:chMax val="0"/>
          <dgm:bulletEnabled val="1"/>
        </dgm:presLayoutVars>
      </dgm:prSet>
      <dgm:spPr>
        <a:xfrm>
          <a:off x="0" y="3701515"/>
          <a:ext cx="4007394" cy="537030"/>
        </a:xfrm>
        <a:prstGeom prst="roundRect">
          <a:avLst/>
        </a:prstGeom>
      </dgm:spPr>
    </dgm:pt>
    <dgm:pt modelId="{6A905BCD-1EB5-41EC-8AAB-D076E289A117}" type="pres">
      <dgm:prSet presAssocID="{84523720-7129-4148-9EA2-30385429355A}" presName="spacer" presStyleCnt="0"/>
      <dgm:spPr/>
    </dgm:pt>
    <dgm:pt modelId="{94DDAE94-4023-4E71-8D34-93C0FD6B3126}" type="pres">
      <dgm:prSet presAssocID="{4634862C-8872-4628-900D-C1A6F1383F70}" presName="parentText" presStyleLbl="node1" presStyleIdx="7" presStyleCnt="8" custLinFactNeighborY="23446">
        <dgm:presLayoutVars>
          <dgm:chMax val="0"/>
          <dgm:bulletEnabled val="1"/>
        </dgm:presLayoutVars>
      </dgm:prSet>
      <dgm:spPr>
        <a:xfrm>
          <a:off x="0" y="4329080"/>
          <a:ext cx="4007394" cy="537030"/>
        </a:xfrm>
        <a:prstGeom prst="roundRect">
          <a:avLst/>
        </a:prstGeom>
      </dgm:spPr>
    </dgm:pt>
  </dgm:ptLst>
  <dgm:cxnLst>
    <dgm:cxn modelId="{C3530520-BFF1-448F-924C-6F0F6DA39884}" type="presOf" srcId="{C7604B36-9641-41EE-830D-862E4B1A5E42}" destId="{B594140E-2343-4E52-991F-1A75D918B874}" srcOrd="0" destOrd="0" presId="urn:microsoft.com/office/officeart/2005/8/layout/vList2"/>
    <dgm:cxn modelId="{460CB323-BD7A-49E0-82D6-9E72B3E9A969}" type="presOf" srcId="{4634862C-8872-4628-900D-C1A6F1383F70}" destId="{94DDAE94-4023-4E71-8D34-93C0FD6B3126}" srcOrd="0" destOrd="0" presId="urn:microsoft.com/office/officeart/2005/8/layout/vList2"/>
    <dgm:cxn modelId="{56B6DF2F-E0F7-40EC-B03E-2C77407CB1EC}" type="presOf" srcId="{00D4B81E-90FA-4D8B-99C6-CA6F1B961251}" destId="{04073B0F-FDAF-49C4-A419-1C7BFF8E9A52}" srcOrd="0" destOrd="0" presId="urn:microsoft.com/office/officeart/2005/8/layout/vList2"/>
    <dgm:cxn modelId="{F114D630-4F37-436E-B2B5-E0CDAC39EF01}" srcId="{7952681F-D1A4-460B-9898-A0FB2D3A73B8}" destId="{4634862C-8872-4628-900D-C1A6F1383F70}" srcOrd="7" destOrd="0" parTransId="{A3FBEF96-89FC-4C98-84D0-F58741A325C7}" sibTransId="{428FC636-4854-4B0D-8679-5934BD07DC1D}"/>
    <dgm:cxn modelId="{75A45237-F686-4F7F-8103-D69C0AEADE3F}" srcId="{7952681F-D1A4-460B-9898-A0FB2D3A73B8}" destId="{5BB92C1E-1BFA-470B-87A8-9DB3BC33CD9F}" srcOrd="1" destOrd="0" parTransId="{6CABB110-541E-4F45-B119-AE76E99BF967}" sibTransId="{2CE05674-D9AF-4D0F-BF92-8959619F7C2D}"/>
    <dgm:cxn modelId="{7DED543F-1DD3-4AAF-8EEB-1F34028B39BF}" srcId="{7952681F-D1A4-460B-9898-A0FB2D3A73B8}" destId="{C79E35E2-DEEE-4643-8436-308320787D02}" srcOrd="0" destOrd="0" parTransId="{ADB8FE3A-00DC-410D-83DE-F164FE65BCCA}" sibTransId="{4587573A-90B0-4654-ABA9-7F68C7024AD8}"/>
    <dgm:cxn modelId="{BD0E1F60-68AF-464E-9CB5-F32AC8E35EA2}" srcId="{7952681F-D1A4-460B-9898-A0FB2D3A73B8}" destId="{C7604B36-9641-41EE-830D-862E4B1A5E42}" srcOrd="6" destOrd="0" parTransId="{D7AEB27F-F5FF-4814-8D91-CCC3E57300B3}" sibTransId="{84523720-7129-4148-9EA2-30385429355A}"/>
    <dgm:cxn modelId="{19AC5C62-BA68-47F8-9A97-E3213465D160}" srcId="{7952681F-D1A4-460B-9898-A0FB2D3A73B8}" destId="{7366C61F-C859-4611-B599-41F867A3CED0}" srcOrd="2" destOrd="0" parTransId="{2AAB8005-7298-4293-AE44-2D86B5C3B567}" sibTransId="{DE763234-5AA9-47DE-99AB-E9E908EC2574}"/>
    <dgm:cxn modelId="{8152346F-D727-4E4B-80C0-36B7BCD61123}" srcId="{7952681F-D1A4-460B-9898-A0FB2D3A73B8}" destId="{00D4B81E-90FA-4D8B-99C6-CA6F1B961251}" srcOrd="3" destOrd="0" parTransId="{BC9951C2-5558-4C7A-8693-59967CEDC435}" sibTransId="{BA8E7A4A-9C8D-4034-95FE-BDD38FDD03D3}"/>
    <dgm:cxn modelId="{33A59652-5D53-4620-A304-265CAFA4ED46}" type="presOf" srcId="{C79E35E2-DEEE-4643-8436-308320787D02}" destId="{5799DF66-8DB6-4DB7-8230-74BB741E9BD5}" srcOrd="0" destOrd="0" presId="urn:microsoft.com/office/officeart/2005/8/layout/vList2"/>
    <dgm:cxn modelId="{0CA6D396-71BF-48C2-ACD8-AD23712D6437}" type="presOf" srcId="{7952681F-D1A4-460B-9898-A0FB2D3A73B8}" destId="{DD82CECE-BAC4-4179-ADE2-96C88036303D}" srcOrd="0" destOrd="0" presId="urn:microsoft.com/office/officeart/2005/8/layout/vList2"/>
    <dgm:cxn modelId="{2EB054B6-2DCE-4645-BF4F-BA74B2584E6A}" type="presOf" srcId="{E8B65B40-17F1-4089-A601-1CAC32F32195}" destId="{2BB86465-BCFD-490C-8283-5CF00DEB4BC7}" srcOrd="0" destOrd="0" presId="urn:microsoft.com/office/officeart/2005/8/layout/vList2"/>
    <dgm:cxn modelId="{A67685C1-1FCD-43ED-96FD-DF2D82859B38}" srcId="{7952681F-D1A4-460B-9898-A0FB2D3A73B8}" destId="{2EE607DA-A226-4BCF-892E-16C10FCC619E}" srcOrd="4" destOrd="0" parTransId="{C3E19BED-9558-424E-996A-19A92F0D7DF7}" sibTransId="{F558716E-20A6-4F1A-A203-B016E6D26D74}"/>
    <dgm:cxn modelId="{DEFC3DCF-EF59-4E40-8E39-E825D0EBDD09}" type="presOf" srcId="{2EE607DA-A226-4BCF-892E-16C10FCC619E}" destId="{86F51451-A8B3-4873-8AEF-D4D52B6C2BE7}" srcOrd="0" destOrd="0" presId="urn:microsoft.com/office/officeart/2005/8/layout/vList2"/>
    <dgm:cxn modelId="{24A5E1CF-059A-4350-A0D6-3036212C5F4A}" type="presOf" srcId="{5BB92C1E-1BFA-470B-87A8-9DB3BC33CD9F}" destId="{093EA689-D42B-4868-91A5-3E160676E835}" srcOrd="0" destOrd="0" presId="urn:microsoft.com/office/officeart/2005/8/layout/vList2"/>
    <dgm:cxn modelId="{CF541BD9-2657-4225-A574-A2AC95E34CE8}" type="presOf" srcId="{7366C61F-C859-4611-B599-41F867A3CED0}" destId="{9053F88B-63B8-4978-A4F5-52D25F314757}" srcOrd="0" destOrd="0" presId="urn:microsoft.com/office/officeart/2005/8/layout/vList2"/>
    <dgm:cxn modelId="{7A9047E4-DF45-4BAB-8B1A-6A5ADED8C971}" srcId="{7952681F-D1A4-460B-9898-A0FB2D3A73B8}" destId="{E8B65B40-17F1-4089-A601-1CAC32F32195}" srcOrd="5" destOrd="0" parTransId="{9EEFA8C2-709E-4792-BC66-2C5CFB60C966}" sibTransId="{B7B41C9D-B364-4277-B515-B2275B7D1EFA}"/>
    <dgm:cxn modelId="{F02CE8C6-4779-4CF7-B77A-84D41352FDAD}" type="presParOf" srcId="{DD82CECE-BAC4-4179-ADE2-96C88036303D}" destId="{5799DF66-8DB6-4DB7-8230-74BB741E9BD5}" srcOrd="0" destOrd="0" presId="urn:microsoft.com/office/officeart/2005/8/layout/vList2"/>
    <dgm:cxn modelId="{6F7AE2F4-A94E-4746-B855-1B7852D22501}" type="presParOf" srcId="{DD82CECE-BAC4-4179-ADE2-96C88036303D}" destId="{D56674DA-1812-4224-9BC6-82BAB12B9E35}" srcOrd="1" destOrd="0" presId="urn:microsoft.com/office/officeart/2005/8/layout/vList2"/>
    <dgm:cxn modelId="{2D8B8EF5-96ED-4499-B55E-B876905C44F3}" type="presParOf" srcId="{DD82CECE-BAC4-4179-ADE2-96C88036303D}" destId="{093EA689-D42B-4868-91A5-3E160676E835}" srcOrd="2" destOrd="0" presId="urn:microsoft.com/office/officeart/2005/8/layout/vList2"/>
    <dgm:cxn modelId="{6E7DEED1-2EF1-40DE-BF6B-76604B614882}" type="presParOf" srcId="{DD82CECE-BAC4-4179-ADE2-96C88036303D}" destId="{B78D9A0C-0782-4B10-84BF-09A30CC85EFE}" srcOrd="3" destOrd="0" presId="urn:microsoft.com/office/officeart/2005/8/layout/vList2"/>
    <dgm:cxn modelId="{BFE9C7B6-DB66-4788-A099-01FD626CD2E1}" type="presParOf" srcId="{DD82CECE-BAC4-4179-ADE2-96C88036303D}" destId="{9053F88B-63B8-4978-A4F5-52D25F314757}" srcOrd="4" destOrd="0" presId="urn:microsoft.com/office/officeart/2005/8/layout/vList2"/>
    <dgm:cxn modelId="{AEA9E8E9-7652-4686-8ED0-ECFFDD97DEA3}" type="presParOf" srcId="{DD82CECE-BAC4-4179-ADE2-96C88036303D}" destId="{A3FAD5F6-9648-41CA-B295-70A1CBD8D492}" srcOrd="5" destOrd="0" presId="urn:microsoft.com/office/officeart/2005/8/layout/vList2"/>
    <dgm:cxn modelId="{75F9F288-12ED-4AB3-9078-EFD7DDD38142}" type="presParOf" srcId="{DD82CECE-BAC4-4179-ADE2-96C88036303D}" destId="{04073B0F-FDAF-49C4-A419-1C7BFF8E9A52}" srcOrd="6" destOrd="0" presId="urn:microsoft.com/office/officeart/2005/8/layout/vList2"/>
    <dgm:cxn modelId="{61D0A697-0B11-41E7-9ED4-EF61FE60D544}" type="presParOf" srcId="{DD82CECE-BAC4-4179-ADE2-96C88036303D}" destId="{BD39614D-44DA-464B-8614-4FAEB38DAE5D}" srcOrd="7" destOrd="0" presId="urn:microsoft.com/office/officeart/2005/8/layout/vList2"/>
    <dgm:cxn modelId="{2F7F7FAD-5F2A-4489-A802-4C4C7DAA6ADC}" type="presParOf" srcId="{DD82CECE-BAC4-4179-ADE2-96C88036303D}" destId="{86F51451-A8B3-4873-8AEF-D4D52B6C2BE7}" srcOrd="8" destOrd="0" presId="urn:microsoft.com/office/officeart/2005/8/layout/vList2"/>
    <dgm:cxn modelId="{EBADB3C8-279E-4BBA-93E2-F4D4B79FFF38}" type="presParOf" srcId="{DD82CECE-BAC4-4179-ADE2-96C88036303D}" destId="{11308A40-F746-4582-A043-D20788E603D2}" srcOrd="9" destOrd="0" presId="urn:microsoft.com/office/officeart/2005/8/layout/vList2"/>
    <dgm:cxn modelId="{79D4B385-AF6D-4E7E-99BA-51EC1357C72C}" type="presParOf" srcId="{DD82CECE-BAC4-4179-ADE2-96C88036303D}" destId="{2BB86465-BCFD-490C-8283-5CF00DEB4BC7}" srcOrd="10" destOrd="0" presId="urn:microsoft.com/office/officeart/2005/8/layout/vList2"/>
    <dgm:cxn modelId="{B0E1B4A3-635F-47CE-817A-A011112A74D0}" type="presParOf" srcId="{DD82CECE-BAC4-4179-ADE2-96C88036303D}" destId="{F016531D-F9F5-4851-AC1F-1E8658FF1DF2}" srcOrd="11" destOrd="0" presId="urn:microsoft.com/office/officeart/2005/8/layout/vList2"/>
    <dgm:cxn modelId="{7D958AE3-A037-41FE-96DC-FCC7D78499F5}" type="presParOf" srcId="{DD82CECE-BAC4-4179-ADE2-96C88036303D}" destId="{B594140E-2343-4E52-991F-1A75D918B874}" srcOrd="12" destOrd="0" presId="urn:microsoft.com/office/officeart/2005/8/layout/vList2"/>
    <dgm:cxn modelId="{15381C45-2FA7-47C7-A60E-3B4D8B2554F6}" type="presParOf" srcId="{DD82CECE-BAC4-4179-ADE2-96C88036303D}" destId="{6A905BCD-1EB5-41EC-8AAB-D076E289A117}" srcOrd="13" destOrd="0" presId="urn:microsoft.com/office/officeart/2005/8/layout/vList2"/>
    <dgm:cxn modelId="{F7D5E507-564F-4FB0-BBA2-799683FEE670}" type="presParOf" srcId="{DD82CECE-BAC4-4179-ADE2-96C88036303D}" destId="{94DDAE94-4023-4E71-8D34-93C0FD6B3126}" srcOrd="1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5BD02F36-5004-40C5-9F73-D3AB50EFC33B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1F35881E-8346-47CB-9B2E-4C5F733D1B51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ete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in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fibra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ottica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: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dorsali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ultimo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miglio</a:t>
          </a:r>
          <a:endParaRPr lang="de-DE" sz="14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0BA8DAD-6305-4201-914A-ECF281A7A7F7}" type="par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84E496C-247E-4754-A4B4-72608E9E9A91}" type="sibTrans" cxnId="{2FD8813B-4D78-4DE0-A890-54B9846E88C5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71776CA-8F3A-443F-AC86-9580F5C003BE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pPr rtl="0"/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onnessioni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e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trutture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ubbliche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</a:p>
      </dgm:t>
    </dgm:pt>
    <dgm:pt modelId="{0F0A8895-AC70-42C6-A302-3BFBACF57A6E}" type="par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C83371F-9AAC-4165-A166-FE8513783BEC}" type="sibTrans" cxnId="{DDEF5928-2C49-4E5C-8851-4E2504D74658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823FD57-CC9F-4B78-B34C-551B54A2C6DA}">
      <dgm:prSet custT="1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pPr rtl="0"/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Hot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pot</a:t>
          </a:r>
          <a:r>
            <a:rPr lang="de-DE" sz="14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</a:t>
          </a:r>
          <a:r>
            <a:rPr lang="de-DE" sz="14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wireless</a:t>
          </a:r>
          <a:endParaRPr lang="de-DE" sz="14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A880237-5302-4D84-87E5-BF88A5854AB1}" type="par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E3184CA-2474-4206-91ED-4F19CFC2012F}" type="sibTrans" cxnId="{4E12DEDD-EC4C-4558-A5BF-A524E42B7AD2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DCC65CC-4C17-44A8-9AFC-1E53A704129F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Risanamento </a:t>
          </a:r>
          <a:r>
            <a:rPr lang="it-IT" sz="1400" kern="120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 bonifiche </a:t>
          </a: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ambiental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C44AB704-A248-4831-A1EB-918D451165AC}" type="parTrans" cxnId="{5F6A251F-B28E-4876-9F22-E2694C93696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4C8B9DC-0FFC-400C-878F-0C952B2640CC}" type="sibTrans" cxnId="{5F6A251F-B28E-4876-9F22-E2694C93696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0526C25-B270-4277-AD27-5F0AD245190B}">
      <dgm:prSet custT="1"/>
      <dgm:spPr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Impianti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di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smaltimento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rifiut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CD8813AC-8CAA-4C07-9975-A9FB822F51D0}" type="parTrans" cxnId="{7F5CB884-F05B-4418-8300-66D65F9006FA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B0175D5-1FB6-4969-B9A9-6F05B4245648}" type="sibTrans" cxnId="{7F5CB884-F05B-4418-8300-66D65F9006FA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4A3EAB1-F2D8-4422-A6F5-297950098089}">
      <dgm:prSet custT="1"/>
      <dgm:spPr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Consulenza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/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sostegno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Comun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4E00338D-548B-4E3E-930D-82EE4F7B9020}" type="parTrans" cxnId="{0701829C-5F34-4297-A269-DB571A6E64C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F05ACC0-66DC-4B64-B93B-018A5899EFD5}" type="sibTrans" cxnId="{0701829C-5F34-4297-A269-DB571A6E64CF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FD22018A-F3C3-4B0C-953D-139515556A29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Infrastrutturazione di zone produttive 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gm:t>
    </dgm:pt>
    <dgm:pt modelId="{FBB45A7D-847B-4FAD-A608-57C73C99F47D}" type="sibTrans" cxnId="{B2502F6C-0A37-4CB7-B45C-9F20E8EE4616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5F3BF95-6FEA-4B49-8071-B26261E1F0E6}" type="parTrans" cxnId="{B2502F6C-0A37-4CB7-B45C-9F20E8EE4616}">
      <dgm:prSet/>
      <dgm:spPr/>
      <dgm:t>
        <a:bodyPr/>
        <a:lstStyle/>
        <a:p>
          <a:endParaRPr lang="de-DE" sz="140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C8534B3-73C6-4D1A-A46B-36392B74F905}">
      <dgm:prSet custT="1"/>
      <dgm:spPr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gm:spPr>
      <dgm:t>
        <a:bodyPr spcFirstLastPara="0" vert="horz" wrap="square" lIns="53340" tIns="53340" rIns="53340" bIns="53340" numCol="1" spcCol="1270" anchor="ctr" anchorCtr="0"/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Vigilanza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RAS</a:t>
          </a:r>
        </a:p>
      </dgm:t>
    </dgm:pt>
    <dgm:pt modelId="{1B59BF5C-6428-419C-B8B9-301855AD3CD2}" type="parTrans" cxnId="{485D108E-A819-4808-B30F-1651CEA9AE0E}">
      <dgm:prSet/>
      <dgm:spPr/>
      <dgm:t>
        <a:bodyPr/>
        <a:lstStyle/>
        <a:p>
          <a:endParaRPr lang="de-DE"/>
        </a:p>
      </dgm:t>
    </dgm:pt>
    <dgm:pt modelId="{6A5F8EAA-0479-4024-B69D-6AE765EC6942}" type="sibTrans" cxnId="{485D108E-A819-4808-B30F-1651CEA9AE0E}">
      <dgm:prSet/>
      <dgm:spPr/>
      <dgm:t>
        <a:bodyPr/>
        <a:lstStyle/>
        <a:p>
          <a:endParaRPr lang="de-DE"/>
        </a:p>
      </dgm:t>
    </dgm:pt>
    <dgm:pt modelId="{AE5A2ECA-3F26-4F76-882B-208BB25A4C75}" type="pres">
      <dgm:prSet presAssocID="{5BD02F36-5004-40C5-9F73-D3AB50EFC33B}" presName="linear" presStyleCnt="0">
        <dgm:presLayoutVars>
          <dgm:animLvl val="lvl"/>
          <dgm:resizeHandles val="exact"/>
        </dgm:presLayoutVars>
      </dgm:prSet>
      <dgm:spPr/>
    </dgm:pt>
    <dgm:pt modelId="{A381B20F-D960-43E1-96AC-E0A92D16D39E}" type="pres">
      <dgm:prSet presAssocID="{1F35881E-8346-47CB-9B2E-4C5F733D1B51}" presName="parentText" presStyleLbl="node1" presStyleIdx="0" presStyleCnt="8" custScaleY="102335">
        <dgm:presLayoutVars>
          <dgm:chMax val="0"/>
          <dgm:bulletEnabled val="1"/>
        </dgm:presLayoutVars>
      </dgm:prSet>
      <dgm:spPr/>
    </dgm:pt>
    <dgm:pt modelId="{36875748-D0A8-4E14-A987-175EEBD88ACC}" type="pres">
      <dgm:prSet presAssocID="{E84E496C-247E-4754-A4B4-72608E9E9A91}" presName="spacer" presStyleCnt="0"/>
      <dgm:spPr/>
    </dgm:pt>
    <dgm:pt modelId="{493CD02B-D5FF-438B-94E5-B97B1D29BAEA}" type="pres">
      <dgm:prSet presAssocID="{071776CA-8F3A-443F-AC86-9580F5C003BE}" presName="parentText" presStyleLbl="node1" presStyleIdx="1" presStyleCnt="8" custScaleY="102335">
        <dgm:presLayoutVars>
          <dgm:chMax val="0"/>
          <dgm:bulletEnabled val="1"/>
        </dgm:presLayoutVars>
      </dgm:prSet>
      <dgm:spPr/>
    </dgm:pt>
    <dgm:pt modelId="{AC999F22-FC92-427A-90CD-F47C71254A08}" type="pres">
      <dgm:prSet presAssocID="{1C83371F-9AAC-4165-A166-FE8513783BEC}" presName="spacer" presStyleCnt="0"/>
      <dgm:spPr/>
    </dgm:pt>
    <dgm:pt modelId="{071EE20E-0F97-4E40-A9DF-8CC5C4D69728}" type="pres">
      <dgm:prSet presAssocID="{0823FD57-CC9F-4B78-B34C-551B54A2C6DA}" presName="parentText" presStyleLbl="node1" presStyleIdx="2" presStyleCnt="8" custScaleY="102335">
        <dgm:presLayoutVars>
          <dgm:chMax val="0"/>
          <dgm:bulletEnabled val="1"/>
        </dgm:presLayoutVars>
      </dgm:prSet>
      <dgm:spPr/>
    </dgm:pt>
    <dgm:pt modelId="{34B5A787-E1E2-4837-B59B-DCB554D7D3F0}" type="pres">
      <dgm:prSet presAssocID="{BE3184CA-2474-4206-91ED-4F19CFC2012F}" presName="spacer" presStyleCnt="0"/>
      <dgm:spPr/>
    </dgm:pt>
    <dgm:pt modelId="{16E8FDE1-A049-44E6-9CF4-5D208F0B035A}" type="pres">
      <dgm:prSet presAssocID="{8DCC65CC-4C17-44A8-9AFC-1E53A704129F}" presName="parentText" presStyleLbl="node1" presStyleIdx="3" presStyleCnt="8" custScaleY="102335">
        <dgm:presLayoutVars>
          <dgm:chMax val="0"/>
          <dgm:bulletEnabled val="1"/>
        </dgm:presLayoutVars>
      </dgm:prSet>
      <dgm:spPr>
        <a:xfrm>
          <a:off x="0" y="1856335"/>
          <a:ext cx="4335908" cy="536399"/>
        </a:xfrm>
        <a:prstGeom prst="roundRect">
          <a:avLst/>
        </a:prstGeom>
      </dgm:spPr>
    </dgm:pt>
    <dgm:pt modelId="{04B0E1E1-8EF2-44EB-8644-700FB176994D}" type="pres">
      <dgm:prSet presAssocID="{54C8B9DC-0FFC-400C-878F-0C952B2640CC}" presName="spacer" presStyleCnt="0"/>
      <dgm:spPr/>
    </dgm:pt>
    <dgm:pt modelId="{BEFE15C1-9D94-48B9-A07C-2994B6EAC43A}" type="pres">
      <dgm:prSet presAssocID="{00526C25-B270-4277-AD27-5F0AD245190B}" presName="parentText" presStyleLbl="node1" presStyleIdx="4" presStyleCnt="8" custScaleY="102335">
        <dgm:presLayoutVars>
          <dgm:chMax val="0"/>
          <dgm:bulletEnabled val="1"/>
        </dgm:presLayoutVars>
      </dgm:prSet>
      <dgm:spPr>
        <a:xfrm>
          <a:off x="0" y="2473375"/>
          <a:ext cx="4335908" cy="536399"/>
        </a:xfrm>
        <a:prstGeom prst="roundRect">
          <a:avLst/>
        </a:prstGeom>
      </dgm:spPr>
    </dgm:pt>
    <dgm:pt modelId="{3E8D972A-DAAD-49C2-B022-47AC23163C40}" type="pres">
      <dgm:prSet presAssocID="{EB0175D5-1FB6-4969-B9A9-6F05B4245648}" presName="spacer" presStyleCnt="0"/>
      <dgm:spPr/>
    </dgm:pt>
    <dgm:pt modelId="{E84BBFE1-E715-46B5-96E1-BC50271917F7}" type="pres">
      <dgm:prSet presAssocID="{FD22018A-F3C3-4B0C-953D-139515556A29}" presName="parentText" presStyleLbl="node1" presStyleIdx="5" presStyleCnt="8" custScaleY="102335">
        <dgm:presLayoutVars>
          <dgm:chMax val="0"/>
          <dgm:bulletEnabled val="1"/>
        </dgm:presLayoutVars>
      </dgm:prSet>
      <dgm:spPr>
        <a:xfrm>
          <a:off x="0" y="3090414"/>
          <a:ext cx="4335908" cy="536399"/>
        </a:xfrm>
        <a:prstGeom prst="roundRect">
          <a:avLst/>
        </a:prstGeom>
      </dgm:spPr>
    </dgm:pt>
    <dgm:pt modelId="{183FA7D8-DA6F-4386-AEE5-1B69E5E1B58E}" type="pres">
      <dgm:prSet presAssocID="{FBB45A7D-847B-4FAD-A608-57C73C99F47D}" presName="spacer" presStyleCnt="0"/>
      <dgm:spPr/>
    </dgm:pt>
    <dgm:pt modelId="{3A658D54-B9E8-41A6-84EF-68B8819F05E1}" type="pres">
      <dgm:prSet presAssocID="{64A3EAB1-F2D8-4422-A6F5-297950098089}" presName="parentText" presStyleLbl="node1" presStyleIdx="6" presStyleCnt="8" custScaleY="102335">
        <dgm:presLayoutVars>
          <dgm:chMax val="0"/>
          <dgm:bulletEnabled val="1"/>
        </dgm:presLayoutVars>
      </dgm:prSet>
      <dgm:spPr>
        <a:xfrm>
          <a:off x="0" y="3707453"/>
          <a:ext cx="4335908" cy="536399"/>
        </a:xfrm>
        <a:prstGeom prst="roundRect">
          <a:avLst/>
        </a:prstGeom>
      </dgm:spPr>
    </dgm:pt>
    <dgm:pt modelId="{24E8AACB-9924-4F99-9D46-CBB971D5253C}" type="pres">
      <dgm:prSet presAssocID="{8F05ACC0-66DC-4B64-B93B-018A5899EFD5}" presName="spacer" presStyleCnt="0"/>
      <dgm:spPr/>
    </dgm:pt>
    <dgm:pt modelId="{E7637228-7F74-4BAD-AA7C-B8A2D28F975F}" type="pres">
      <dgm:prSet presAssocID="{1C8534B3-73C6-4D1A-A46B-36392B74F905}" presName="parentText" presStyleLbl="node1" presStyleIdx="7" presStyleCnt="8" custScaleY="102335" custLinFactNeighborY="14061">
        <dgm:presLayoutVars>
          <dgm:chMax val="0"/>
          <dgm:bulletEnabled val="1"/>
        </dgm:presLayoutVars>
      </dgm:prSet>
      <dgm:spPr>
        <a:xfrm>
          <a:off x="0" y="4329710"/>
          <a:ext cx="4335908" cy="536399"/>
        </a:xfrm>
        <a:prstGeom prst="roundRect">
          <a:avLst/>
        </a:prstGeom>
      </dgm:spPr>
    </dgm:pt>
  </dgm:ptLst>
  <dgm:cxnLst>
    <dgm:cxn modelId="{33212F02-6AA1-4360-892D-CC1D9CFED0BB}" type="presOf" srcId="{00526C25-B270-4277-AD27-5F0AD245190B}" destId="{BEFE15C1-9D94-48B9-A07C-2994B6EAC43A}" srcOrd="0" destOrd="0" presId="urn:microsoft.com/office/officeart/2005/8/layout/vList2"/>
    <dgm:cxn modelId="{C1A2B402-627A-46F2-BC11-50220B430C31}" type="presOf" srcId="{1C8534B3-73C6-4D1A-A46B-36392B74F905}" destId="{E7637228-7F74-4BAD-AA7C-B8A2D28F975F}" srcOrd="0" destOrd="0" presId="urn:microsoft.com/office/officeart/2005/8/layout/vList2"/>
    <dgm:cxn modelId="{1392180D-C77D-4FF7-9BBD-256A5B8E4512}" type="presOf" srcId="{071776CA-8F3A-443F-AC86-9580F5C003BE}" destId="{493CD02B-D5FF-438B-94E5-B97B1D29BAEA}" srcOrd="0" destOrd="0" presId="urn:microsoft.com/office/officeart/2005/8/layout/vList2"/>
    <dgm:cxn modelId="{83ED6519-09BD-48F4-91EB-3D1F461E276A}" type="presOf" srcId="{5BD02F36-5004-40C5-9F73-D3AB50EFC33B}" destId="{AE5A2ECA-3F26-4F76-882B-208BB25A4C75}" srcOrd="0" destOrd="0" presId="urn:microsoft.com/office/officeart/2005/8/layout/vList2"/>
    <dgm:cxn modelId="{5F6A251F-B28E-4876-9F22-E2694C93696F}" srcId="{5BD02F36-5004-40C5-9F73-D3AB50EFC33B}" destId="{8DCC65CC-4C17-44A8-9AFC-1E53A704129F}" srcOrd="3" destOrd="0" parTransId="{C44AB704-A248-4831-A1EB-918D451165AC}" sibTransId="{54C8B9DC-0FFC-400C-878F-0C952B2640CC}"/>
    <dgm:cxn modelId="{DDEF5928-2C49-4E5C-8851-4E2504D74658}" srcId="{5BD02F36-5004-40C5-9F73-D3AB50EFC33B}" destId="{071776CA-8F3A-443F-AC86-9580F5C003BE}" srcOrd="1" destOrd="0" parTransId="{0F0A8895-AC70-42C6-A302-3BFBACF57A6E}" sibTransId="{1C83371F-9AAC-4165-A166-FE8513783BEC}"/>
    <dgm:cxn modelId="{2FD8813B-4D78-4DE0-A890-54B9846E88C5}" srcId="{5BD02F36-5004-40C5-9F73-D3AB50EFC33B}" destId="{1F35881E-8346-47CB-9B2E-4C5F733D1B51}" srcOrd="0" destOrd="0" parTransId="{E0BA8DAD-6305-4201-914A-ECF281A7A7F7}" sibTransId="{E84E496C-247E-4754-A4B4-72608E9E9A91}"/>
    <dgm:cxn modelId="{2ADA9E61-D539-41BF-AFF8-87FA3160B25F}" type="presOf" srcId="{FD22018A-F3C3-4B0C-953D-139515556A29}" destId="{E84BBFE1-E715-46B5-96E1-BC50271917F7}" srcOrd="0" destOrd="0" presId="urn:microsoft.com/office/officeart/2005/8/layout/vList2"/>
    <dgm:cxn modelId="{B2502F6C-0A37-4CB7-B45C-9F20E8EE4616}" srcId="{5BD02F36-5004-40C5-9F73-D3AB50EFC33B}" destId="{FD22018A-F3C3-4B0C-953D-139515556A29}" srcOrd="5" destOrd="0" parTransId="{E5F3BF95-6FEA-4B49-8071-B26261E1F0E6}" sibTransId="{FBB45A7D-847B-4FAD-A608-57C73C99F47D}"/>
    <dgm:cxn modelId="{5E838C52-5021-42D4-9E5F-AF04A2ABAC3B}" type="presOf" srcId="{0823FD57-CC9F-4B78-B34C-551B54A2C6DA}" destId="{071EE20E-0F97-4E40-A9DF-8CC5C4D69728}" srcOrd="0" destOrd="0" presId="urn:microsoft.com/office/officeart/2005/8/layout/vList2"/>
    <dgm:cxn modelId="{F82B0876-FC51-4850-9D4F-2C51D85EAE4A}" type="presOf" srcId="{1F35881E-8346-47CB-9B2E-4C5F733D1B51}" destId="{A381B20F-D960-43E1-96AC-E0A92D16D39E}" srcOrd="0" destOrd="0" presId="urn:microsoft.com/office/officeart/2005/8/layout/vList2"/>
    <dgm:cxn modelId="{7F5CB884-F05B-4418-8300-66D65F9006FA}" srcId="{5BD02F36-5004-40C5-9F73-D3AB50EFC33B}" destId="{00526C25-B270-4277-AD27-5F0AD245190B}" srcOrd="4" destOrd="0" parTransId="{CD8813AC-8CAA-4C07-9975-A9FB822F51D0}" sibTransId="{EB0175D5-1FB6-4969-B9A9-6F05B4245648}"/>
    <dgm:cxn modelId="{485D108E-A819-4808-B30F-1651CEA9AE0E}" srcId="{5BD02F36-5004-40C5-9F73-D3AB50EFC33B}" destId="{1C8534B3-73C6-4D1A-A46B-36392B74F905}" srcOrd="7" destOrd="0" parTransId="{1B59BF5C-6428-419C-B8B9-301855AD3CD2}" sibTransId="{6A5F8EAA-0479-4024-B69D-6AE765EC6942}"/>
    <dgm:cxn modelId="{96F94E9A-B16F-46D8-9D8A-C98ABB144EF4}" type="presOf" srcId="{64A3EAB1-F2D8-4422-A6F5-297950098089}" destId="{3A658D54-B9E8-41A6-84EF-68B8819F05E1}" srcOrd="0" destOrd="0" presId="urn:microsoft.com/office/officeart/2005/8/layout/vList2"/>
    <dgm:cxn modelId="{0701829C-5F34-4297-A269-DB571A6E64CF}" srcId="{5BD02F36-5004-40C5-9F73-D3AB50EFC33B}" destId="{64A3EAB1-F2D8-4422-A6F5-297950098089}" srcOrd="6" destOrd="0" parTransId="{4E00338D-548B-4E3E-930D-82EE4F7B9020}" sibTransId="{8F05ACC0-66DC-4B64-B93B-018A5899EFD5}"/>
    <dgm:cxn modelId="{3DC6F5BB-B815-4384-B692-81DE2FFBBB42}" type="presOf" srcId="{8DCC65CC-4C17-44A8-9AFC-1E53A704129F}" destId="{16E8FDE1-A049-44E6-9CF4-5D208F0B035A}" srcOrd="0" destOrd="0" presId="urn:microsoft.com/office/officeart/2005/8/layout/vList2"/>
    <dgm:cxn modelId="{4E12DEDD-EC4C-4558-A5BF-A524E42B7AD2}" srcId="{5BD02F36-5004-40C5-9F73-D3AB50EFC33B}" destId="{0823FD57-CC9F-4B78-B34C-551B54A2C6DA}" srcOrd="2" destOrd="0" parTransId="{6A880237-5302-4D84-87E5-BF88A5854AB1}" sibTransId="{BE3184CA-2474-4206-91ED-4F19CFC2012F}"/>
    <dgm:cxn modelId="{63FD9367-BF04-4DCC-B21E-B8D8976880E4}" type="presParOf" srcId="{AE5A2ECA-3F26-4F76-882B-208BB25A4C75}" destId="{A381B20F-D960-43E1-96AC-E0A92D16D39E}" srcOrd="0" destOrd="0" presId="urn:microsoft.com/office/officeart/2005/8/layout/vList2"/>
    <dgm:cxn modelId="{8B435FC4-D1B2-4CD8-853E-4801B11BF5AE}" type="presParOf" srcId="{AE5A2ECA-3F26-4F76-882B-208BB25A4C75}" destId="{36875748-D0A8-4E14-A987-175EEBD88ACC}" srcOrd="1" destOrd="0" presId="urn:microsoft.com/office/officeart/2005/8/layout/vList2"/>
    <dgm:cxn modelId="{81866FFD-F6AF-4641-AE74-0FC19F5EEECD}" type="presParOf" srcId="{AE5A2ECA-3F26-4F76-882B-208BB25A4C75}" destId="{493CD02B-D5FF-438B-94E5-B97B1D29BAEA}" srcOrd="2" destOrd="0" presId="urn:microsoft.com/office/officeart/2005/8/layout/vList2"/>
    <dgm:cxn modelId="{8675C37D-2BE3-4A77-9E4B-E73ED505913E}" type="presParOf" srcId="{AE5A2ECA-3F26-4F76-882B-208BB25A4C75}" destId="{AC999F22-FC92-427A-90CD-F47C71254A08}" srcOrd="3" destOrd="0" presId="urn:microsoft.com/office/officeart/2005/8/layout/vList2"/>
    <dgm:cxn modelId="{D819A803-7585-4546-BB30-448BFDD5494A}" type="presParOf" srcId="{AE5A2ECA-3F26-4F76-882B-208BB25A4C75}" destId="{071EE20E-0F97-4E40-A9DF-8CC5C4D69728}" srcOrd="4" destOrd="0" presId="urn:microsoft.com/office/officeart/2005/8/layout/vList2"/>
    <dgm:cxn modelId="{8E69E3A6-0177-43B8-A8D5-F0CECDDC687A}" type="presParOf" srcId="{AE5A2ECA-3F26-4F76-882B-208BB25A4C75}" destId="{34B5A787-E1E2-4837-B59B-DCB554D7D3F0}" srcOrd="5" destOrd="0" presId="urn:microsoft.com/office/officeart/2005/8/layout/vList2"/>
    <dgm:cxn modelId="{9278B1DA-F420-4D07-90AC-CDB99E56C344}" type="presParOf" srcId="{AE5A2ECA-3F26-4F76-882B-208BB25A4C75}" destId="{16E8FDE1-A049-44E6-9CF4-5D208F0B035A}" srcOrd="6" destOrd="0" presId="urn:microsoft.com/office/officeart/2005/8/layout/vList2"/>
    <dgm:cxn modelId="{15647BE9-A7A2-459E-96ED-64017889E30D}" type="presParOf" srcId="{AE5A2ECA-3F26-4F76-882B-208BB25A4C75}" destId="{04B0E1E1-8EF2-44EB-8644-700FB176994D}" srcOrd="7" destOrd="0" presId="urn:microsoft.com/office/officeart/2005/8/layout/vList2"/>
    <dgm:cxn modelId="{2CFB8E45-9109-450E-9D51-EF12271ECA04}" type="presParOf" srcId="{AE5A2ECA-3F26-4F76-882B-208BB25A4C75}" destId="{BEFE15C1-9D94-48B9-A07C-2994B6EAC43A}" srcOrd="8" destOrd="0" presId="urn:microsoft.com/office/officeart/2005/8/layout/vList2"/>
    <dgm:cxn modelId="{F18DF265-584F-4C21-A94F-E9E6C585EBEB}" type="presParOf" srcId="{AE5A2ECA-3F26-4F76-882B-208BB25A4C75}" destId="{3E8D972A-DAAD-49C2-B022-47AC23163C40}" srcOrd="9" destOrd="0" presId="urn:microsoft.com/office/officeart/2005/8/layout/vList2"/>
    <dgm:cxn modelId="{64C81B3E-F1C8-48E3-8BAF-9C1A2F954B73}" type="presParOf" srcId="{AE5A2ECA-3F26-4F76-882B-208BB25A4C75}" destId="{E84BBFE1-E715-46B5-96E1-BC50271917F7}" srcOrd="10" destOrd="0" presId="urn:microsoft.com/office/officeart/2005/8/layout/vList2"/>
    <dgm:cxn modelId="{D6DDB950-1F33-4E21-8CDE-08BD2C7CF9F1}" type="presParOf" srcId="{AE5A2ECA-3F26-4F76-882B-208BB25A4C75}" destId="{183FA7D8-DA6F-4386-AEE5-1B69E5E1B58E}" srcOrd="11" destOrd="0" presId="urn:microsoft.com/office/officeart/2005/8/layout/vList2"/>
    <dgm:cxn modelId="{EB95ED1B-4560-483D-B027-AC90396A5BC4}" type="presParOf" srcId="{AE5A2ECA-3F26-4F76-882B-208BB25A4C75}" destId="{3A658D54-B9E8-41A6-84EF-68B8819F05E1}" srcOrd="12" destOrd="0" presId="urn:microsoft.com/office/officeart/2005/8/layout/vList2"/>
    <dgm:cxn modelId="{8AF1DEC2-9C66-4676-B367-6BCDF1D40371}" type="presParOf" srcId="{AE5A2ECA-3F26-4F76-882B-208BB25A4C75}" destId="{24E8AACB-9924-4F99-9D46-CBB971D5253C}" srcOrd="13" destOrd="0" presId="urn:microsoft.com/office/officeart/2005/8/layout/vList2"/>
    <dgm:cxn modelId="{667FC892-E693-409C-A841-7B93CCF86FF4}" type="presParOf" srcId="{AE5A2ECA-3F26-4F76-882B-208BB25A4C75}" destId="{E7637228-7F74-4BAD-AA7C-B8A2D28F975F}" srcOrd="1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8198336-E35B-492A-8738-182BF2D854C9}">
      <dsp:nvSpPr>
        <dsp:cNvPr id="0" name=""/>
        <dsp:cNvSpPr/>
      </dsp:nvSpPr>
      <dsp:spPr>
        <a:xfrm>
          <a:off x="0" y="2104"/>
          <a:ext cx="8640960" cy="1231287"/>
        </a:xfrm>
        <a:prstGeom prst="roundRect">
          <a:avLst/>
        </a:prstGeom>
        <a:solidFill>
          <a:schemeClr val="bg1">
            <a:lumMod val="8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chaffung „Abteilung Bildungsförderung, Universität 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d Forschung“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reazion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a „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ipartizion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iritto allo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tudio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iversità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ricerca“</a:t>
          </a:r>
          <a:endParaRPr lang="it-IT" sz="2000" kern="1200" noProof="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60106" y="62210"/>
        <a:ext cx="8520748" cy="1111075"/>
      </dsp:txXfrm>
    </dsp:sp>
    <dsp:sp modelId="{EF9EFC6B-4E37-4AB7-853B-4824ED4AB4A2}">
      <dsp:nvSpPr>
        <dsp:cNvPr id="0" name=""/>
        <dsp:cNvSpPr/>
      </dsp:nvSpPr>
      <dsp:spPr>
        <a:xfrm>
          <a:off x="0" y="1246456"/>
          <a:ext cx="8640960" cy="1231287"/>
        </a:xfrm>
        <a:prstGeom prst="roundRect">
          <a:avLst/>
        </a:prstGeom>
        <a:solidFill>
          <a:schemeClr val="bg1">
            <a:lumMod val="8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gesetz Nr. 14 „Forschung und Innovation“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egg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n. 14 „Ricerca e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vazion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“</a:t>
          </a:r>
        </a:p>
      </dsp:txBody>
      <dsp:txXfrm>
        <a:off x="60106" y="1306562"/>
        <a:ext cx="8520748" cy="1111075"/>
      </dsp:txXfrm>
    </dsp:sp>
    <dsp:sp modelId="{4F153BDC-F21E-40CA-A923-8EBF0C2E0E6C}">
      <dsp:nvSpPr>
        <dsp:cNvPr id="0" name=""/>
        <dsp:cNvSpPr/>
      </dsp:nvSpPr>
      <dsp:spPr>
        <a:xfrm>
          <a:off x="0" y="2490808"/>
          <a:ext cx="8640960" cy="1231287"/>
        </a:xfrm>
        <a:prstGeom prst="roundRect">
          <a:avLst/>
        </a:prstGeom>
        <a:solidFill>
          <a:schemeClr val="bg1">
            <a:lumMod val="8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„Abteilung Innovation, Forschung und Universität“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„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ipartizion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vazion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 ricerca e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università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“</a:t>
          </a:r>
        </a:p>
      </dsp:txBody>
      <dsp:txXfrm>
        <a:off x="60106" y="2550914"/>
        <a:ext cx="8520748" cy="1111075"/>
      </dsp:txXfrm>
    </dsp:sp>
    <dsp:sp modelId="{733D4AE9-33BA-400C-B548-14B636EEC521}">
      <dsp:nvSpPr>
        <dsp:cNvPr id="0" name=""/>
        <dsp:cNvSpPr/>
      </dsp:nvSpPr>
      <dsp:spPr>
        <a:xfrm>
          <a:off x="0" y="3735159"/>
          <a:ext cx="8640960" cy="1231287"/>
        </a:xfrm>
        <a:prstGeom prst="roundRect">
          <a:avLst/>
        </a:prstGeom>
        <a:solidFill>
          <a:schemeClr val="bg1">
            <a:lumMod val="8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regierung genehmigt Forschungsoffensive</a:t>
          </a:r>
          <a:b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</a:b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     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Giunta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pprova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le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iziative</a:t>
          </a:r>
          <a:r>
            <a:rPr lang="de-DE" sz="20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a ricerca </a:t>
          </a:r>
          <a:r>
            <a:rPr lang="de-DE" sz="20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cientifica</a:t>
          </a:r>
          <a:endParaRPr lang="it-IT" sz="2000" kern="1200" noProof="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60106" y="3795265"/>
        <a:ext cx="8520748" cy="111107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A9C0ABE-6341-4234-AA0C-4C89E9F3D173}">
      <dsp:nvSpPr>
        <dsp:cNvPr id="0" name=""/>
        <dsp:cNvSpPr/>
      </dsp:nvSpPr>
      <dsp:spPr>
        <a:xfrm>
          <a:off x="0" y="0"/>
          <a:ext cx="4001938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Bedeutung Grundlagenforschung</a:t>
          </a:r>
        </a:p>
      </dsp:txBody>
      <dsp:txXfrm>
        <a:off x="35640" y="35640"/>
        <a:ext cx="3930658" cy="658800"/>
      </dsp:txXfrm>
    </dsp:sp>
    <dsp:sp modelId="{5799DF66-8DB6-4DB7-8230-74BB741E9BD5}">
      <dsp:nvSpPr>
        <dsp:cNvPr id="0" name=""/>
        <dsp:cNvSpPr/>
      </dsp:nvSpPr>
      <dsp:spPr>
        <a:xfrm>
          <a:off x="0" y="864096"/>
          <a:ext cx="4001938" cy="73008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Territorialitätsprinzip</a:t>
          </a:r>
        </a:p>
      </dsp:txBody>
      <dsp:txXfrm>
        <a:off x="35640" y="899736"/>
        <a:ext cx="3930658" cy="658800"/>
      </dsp:txXfrm>
    </dsp:sp>
    <dsp:sp modelId="{093EA689-D42B-4868-91A5-3E160676E835}">
      <dsp:nvSpPr>
        <dsp:cNvPr id="0" name=""/>
        <dsp:cNvSpPr/>
      </dsp:nvSpPr>
      <dsp:spPr>
        <a:xfrm>
          <a:off x="0" y="1727840"/>
          <a:ext cx="4001938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Keine Projektförderung in Italien </a:t>
          </a:r>
        </a:p>
      </dsp:txBody>
      <dsp:txXfrm>
        <a:off x="35640" y="1763480"/>
        <a:ext cx="3930658" cy="658800"/>
      </dsp:txXfrm>
    </dsp:sp>
    <dsp:sp modelId="{9053F88B-63B8-4978-A4F5-52D25F314757}">
      <dsp:nvSpPr>
        <dsp:cNvPr id="0" name=""/>
        <dsp:cNvSpPr/>
      </dsp:nvSpPr>
      <dsp:spPr>
        <a:xfrm>
          <a:off x="0" y="2570240"/>
          <a:ext cx="4001938" cy="73008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Kooperation/Vernetzung</a:t>
          </a:r>
        </a:p>
      </dsp:txBody>
      <dsp:txXfrm>
        <a:off x="35640" y="2605880"/>
        <a:ext cx="3930658" cy="658800"/>
      </dsp:txXfrm>
    </dsp:sp>
    <dsp:sp modelId="{8C4DC578-7098-45EC-A006-548F7A3C5775}">
      <dsp:nvSpPr>
        <dsp:cNvPr id="0" name=""/>
        <dsp:cNvSpPr/>
      </dsp:nvSpPr>
      <dsp:spPr>
        <a:xfrm>
          <a:off x="0" y="3412640"/>
          <a:ext cx="4001938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Konzentration auf Stärken</a:t>
          </a:r>
        </a:p>
      </dsp:txBody>
      <dsp:txXfrm>
        <a:off x="35640" y="3448280"/>
        <a:ext cx="3930658" cy="6588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2DFB3BF-05E8-406F-9B95-2B944690D274}">
      <dsp:nvSpPr>
        <dsp:cNvPr id="0" name=""/>
        <dsp:cNvSpPr/>
      </dsp:nvSpPr>
      <dsp:spPr>
        <a:xfrm>
          <a:off x="0" y="0"/>
          <a:ext cx="4330005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Importanza della ricerca di base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5640" y="35640"/>
        <a:ext cx="4258725" cy="658800"/>
      </dsp:txXfrm>
    </dsp:sp>
    <dsp:sp modelId="{A381B20F-D960-43E1-96AC-E0A92D16D39E}">
      <dsp:nvSpPr>
        <dsp:cNvPr id="0" name=""/>
        <dsp:cNvSpPr/>
      </dsp:nvSpPr>
      <dsp:spPr>
        <a:xfrm>
          <a:off x="0" y="858640"/>
          <a:ext cx="4330005" cy="73008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Principio della territorialità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5640" y="894280"/>
        <a:ext cx="4258725" cy="658800"/>
      </dsp:txXfrm>
    </dsp:sp>
    <dsp:sp modelId="{493CD02B-D5FF-438B-94E5-B97B1D29BAEA}">
      <dsp:nvSpPr>
        <dsp:cNvPr id="0" name=""/>
        <dsp:cNvSpPr/>
      </dsp:nvSpPr>
      <dsp:spPr>
        <a:xfrm>
          <a:off x="0" y="1727840"/>
          <a:ext cx="4330005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Nessun finanziamento di progetti in Italia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5640" y="1763480"/>
        <a:ext cx="4258725" cy="658800"/>
      </dsp:txXfrm>
    </dsp:sp>
    <dsp:sp modelId="{071EE20E-0F97-4E40-A9DF-8CC5C4D69728}">
      <dsp:nvSpPr>
        <dsp:cNvPr id="0" name=""/>
        <dsp:cNvSpPr/>
      </dsp:nvSpPr>
      <dsp:spPr>
        <a:xfrm>
          <a:off x="0" y="2570240"/>
          <a:ext cx="4330005" cy="73008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Cooperazione/interconnessione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5640" y="2605880"/>
        <a:ext cx="4258725" cy="658800"/>
      </dsp:txXfrm>
    </dsp:sp>
    <dsp:sp modelId="{84B98633-07D2-40D3-ADB1-96EBE7CA531D}">
      <dsp:nvSpPr>
        <dsp:cNvPr id="0" name=""/>
        <dsp:cNvSpPr/>
      </dsp:nvSpPr>
      <dsp:spPr>
        <a:xfrm>
          <a:off x="0" y="3412640"/>
          <a:ext cx="4330005" cy="73008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Concentrarsi sui punti di forza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5640" y="3448280"/>
        <a:ext cx="4258725" cy="65880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A9C0ABE-6341-4234-AA0C-4C89E9F3D173}">
      <dsp:nvSpPr>
        <dsp:cNvPr id="0" name=""/>
        <dsp:cNvSpPr/>
      </dsp:nvSpPr>
      <dsp:spPr>
        <a:xfrm>
          <a:off x="0" y="4347"/>
          <a:ext cx="4001938" cy="832245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Einrichtung Wissenschaftsfonds zur Projektförderung</a:t>
          </a:r>
        </a:p>
      </dsp:txBody>
      <dsp:txXfrm>
        <a:off x="40627" y="44974"/>
        <a:ext cx="3920684" cy="750991"/>
      </dsp:txXfrm>
    </dsp:sp>
    <dsp:sp modelId="{5799DF66-8DB6-4DB7-8230-74BB741E9BD5}">
      <dsp:nvSpPr>
        <dsp:cNvPr id="0" name=""/>
        <dsp:cNvSpPr/>
      </dsp:nvSpPr>
      <dsp:spPr>
        <a:xfrm>
          <a:off x="0" y="853872"/>
          <a:ext cx="4001938" cy="800764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Ausbau Kooperation: Beteiligung an Calls von Nachbarländern</a:t>
          </a:r>
        </a:p>
      </dsp:txBody>
      <dsp:txXfrm>
        <a:off x="39090" y="892962"/>
        <a:ext cx="3923758" cy="722584"/>
      </dsp:txXfrm>
    </dsp:sp>
    <dsp:sp modelId="{093EA689-D42B-4868-91A5-3E160676E835}">
      <dsp:nvSpPr>
        <dsp:cNvPr id="0" name=""/>
        <dsp:cNvSpPr/>
      </dsp:nvSpPr>
      <dsp:spPr>
        <a:xfrm>
          <a:off x="0" y="1671917"/>
          <a:ext cx="4001938" cy="822408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Stärkung Forschungssystem Südtirol</a:t>
          </a:r>
        </a:p>
      </dsp:txBody>
      <dsp:txXfrm>
        <a:off x="40147" y="1712064"/>
        <a:ext cx="3921644" cy="742114"/>
      </dsp:txXfrm>
    </dsp:sp>
    <dsp:sp modelId="{9053F88B-63B8-4978-A4F5-52D25F314757}">
      <dsp:nvSpPr>
        <dsp:cNvPr id="0" name=""/>
        <dsp:cNvSpPr/>
      </dsp:nvSpPr>
      <dsp:spPr>
        <a:xfrm>
          <a:off x="0" y="2511605"/>
          <a:ext cx="4001938" cy="822408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Stärkung Präsenz in Brüssel</a:t>
          </a:r>
        </a:p>
      </dsp:txBody>
      <dsp:txXfrm>
        <a:off x="40147" y="2551752"/>
        <a:ext cx="3921644" cy="742114"/>
      </dsp:txXfrm>
    </dsp:sp>
    <dsp:sp modelId="{8C4DC578-7098-45EC-A006-548F7A3C5775}">
      <dsp:nvSpPr>
        <dsp:cNvPr id="0" name=""/>
        <dsp:cNvSpPr/>
      </dsp:nvSpPr>
      <dsp:spPr>
        <a:xfrm>
          <a:off x="0" y="3351293"/>
          <a:ext cx="4001938" cy="83012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Reorganisation Abteilung </a:t>
          </a:r>
          <a:r>
            <a:rPr lang="de-DE" sz="18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Inno-vation</a:t>
          </a:r>
          <a:r>
            <a:rPr lang="de-DE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, Forschung und Universität</a:t>
          </a:r>
        </a:p>
      </dsp:txBody>
      <dsp:txXfrm>
        <a:off x="40523" y="3391816"/>
        <a:ext cx="3920892" cy="74907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2DFB3BF-05E8-406F-9B95-2B944690D274}">
      <dsp:nvSpPr>
        <dsp:cNvPr id="0" name=""/>
        <dsp:cNvSpPr/>
      </dsp:nvSpPr>
      <dsp:spPr>
        <a:xfrm>
          <a:off x="0" y="1860"/>
          <a:ext cx="4330005" cy="825124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1. Istituzione di un fondo per il finanziamento di progetti di ricerca  scientifica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0279" y="42139"/>
        <a:ext cx="4249447" cy="744566"/>
      </dsp:txXfrm>
    </dsp:sp>
    <dsp:sp modelId="{A381B20F-D960-43E1-96AC-E0A92D16D39E}">
      <dsp:nvSpPr>
        <dsp:cNvPr id="0" name=""/>
        <dsp:cNvSpPr/>
      </dsp:nvSpPr>
      <dsp:spPr>
        <a:xfrm>
          <a:off x="0" y="841089"/>
          <a:ext cx="4330005" cy="825124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2. Ampliamento della cooperazione: partecipazione a </a:t>
          </a:r>
          <a:r>
            <a:rPr lang="it-IT" sz="18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alls</a:t>
          </a: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i Paesi vicini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0279" y="881368"/>
        <a:ext cx="4249447" cy="744566"/>
      </dsp:txXfrm>
    </dsp:sp>
    <dsp:sp modelId="{493CD02B-D5FF-438B-94E5-B97B1D29BAEA}">
      <dsp:nvSpPr>
        <dsp:cNvPr id="0" name=""/>
        <dsp:cNvSpPr/>
      </dsp:nvSpPr>
      <dsp:spPr>
        <a:xfrm>
          <a:off x="0" y="1680318"/>
          <a:ext cx="4330005" cy="825124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3. Rafforzamento del sistema di ricerca altoatesino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0279" y="1720597"/>
        <a:ext cx="4249447" cy="744566"/>
      </dsp:txXfrm>
    </dsp:sp>
    <dsp:sp modelId="{071EE20E-0F97-4E40-A9DF-8CC5C4D69728}">
      <dsp:nvSpPr>
        <dsp:cNvPr id="0" name=""/>
        <dsp:cNvSpPr/>
      </dsp:nvSpPr>
      <dsp:spPr>
        <a:xfrm>
          <a:off x="0" y="2509252"/>
          <a:ext cx="4330005" cy="825124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4. Rafforzamento della presenza a Bruxelles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0279" y="2549531"/>
        <a:ext cx="4249447" cy="744566"/>
      </dsp:txXfrm>
    </dsp:sp>
    <dsp:sp modelId="{84B98633-07D2-40D3-ADB1-96EBE7CA531D}">
      <dsp:nvSpPr>
        <dsp:cNvPr id="0" name=""/>
        <dsp:cNvSpPr/>
      </dsp:nvSpPr>
      <dsp:spPr>
        <a:xfrm>
          <a:off x="0" y="3349723"/>
          <a:ext cx="4330005" cy="825124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5. Riorganizzazione della Ripartizione innovazione, ricerca e università </a:t>
          </a:r>
          <a:endParaRPr lang="de-DE" sz="1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0279" y="3390002"/>
        <a:ext cx="4249447" cy="744566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94BE965-3282-47FC-88B8-4DE495EE9E28}">
      <dsp:nvSpPr>
        <dsp:cNvPr id="0" name=""/>
        <dsp:cNvSpPr/>
      </dsp:nvSpPr>
      <dsp:spPr>
        <a:xfrm>
          <a:off x="-5617729" y="-859990"/>
          <a:ext cx="6688533" cy="6688533"/>
        </a:xfrm>
        <a:prstGeom prst="blockArc">
          <a:avLst>
            <a:gd name="adj1" fmla="val 18900000"/>
            <a:gd name="adj2" fmla="val 2700000"/>
            <a:gd name="adj3" fmla="val 323"/>
          </a:avLst>
        </a:prstGeom>
        <a:noFill/>
        <a:ln w="25400" cap="flat" cmpd="sng" algn="ctr">
          <a:solidFill>
            <a:srgbClr val="000099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B1C029-5AD5-4BC1-923A-A6C6D9AEFC35}">
      <dsp:nvSpPr>
        <dsp:cNvPr id="0" name=""/>
        <dsp:cNvSpPr/>
      </dsp:nvSpPr>
      <dsp:spPr>
        <a:xfrm>
          <a:off x="560539" y="381982"/>
          <a:ext cx="7599587" cy="76436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6712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esearch Südtirol / Alto </a:t>
          </a:r>
          <a:r>
            <a:rPr lang="de-DE" sz="28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dige</a:t>
          </a:r>
          <a:endParaRPr lang="de-DE" sz="28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560539" y="381982"/>
        <a:ext cx="7599587" cy="764362"/>
      </dsp:txXfrm>
    </dsp:sp>
    <dsp:sp modelId="{B5302B5B-A0FF-4359-BFE0-F14B327D34EF}">
      <dsp:nvSpPr>
        <dsp:cNvPr id="0" name=""/>
        <dsp:cNvSpPr/>
      </dsp:nvSpPr>
      <dsp:spPr>
        <a:xfrm>
          <a:off x="82813" y="286437"/>
          <a:ext cx="955452" cy="955452"/>
        </a:xfrm>
        <a:prstGeom prst="ellipse">
          <a:avLst/>
        </a:prstGeom>
        <a:solidFill>
          <a:schemeClr val="bg1"/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AAB472D-0655-4377-A15E-8E44BB143AEA}">
      <dsp:nvSpPr>
        <dsp:cNvPr id="0" name=""/>
        <dsp:cNvSpPr/>
      </dsp:nvSpPr>
      <dsp:spPr>
        <a:xfrm>
          <a:off x="998765" y="1528724"/>
          <a:ext cx="7161361" cy="76436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6712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Euregio plus</a:t>
          </a:r>
        </a:p>
      </dsp:txBody>
      <dsp:txXfrm>
        <a:off x="998765" y="1528724"/>
        <a:ext cx="7161361" cy="764362"/>
      </dsp:txXfrm>
    </dsp:sp>
    <dsp:sp modelId="{DE791D5E-F96E-43BB-A73D-EB92EAADA919}">
      <dsp:nvSpPr>
        <dsp:cNvPr id="0" name=""/>
        <dsp:cNvSpPr/>
      </dsp:nvSpPr>
      <dsp:spPr>
        <a:xfrm>
          <a:off x="521039" y="1433178"/>
          <a:ext cx="955452" cy="955452"/>
        </a:xfrm>
        <a:prstGeom prst="ellipse">
          <a:avLst/>
        </a:prstGeom>
        <a:solidFill>
          <a:srgbClr val="EEF0F6"/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B6C614D-E6D8-41D2-BDA2-3BFE21838199}">
      <dsp:nvSpPr>
        <dsp:cNvPr id="0" name=""/>
        <dsp:cNvSpPr/>
      </dsp:nvSpPr>
      <dsp:spPr>
        <a:xfrm>
          <a:off x="998765" y="2675465"/>
          <a:ext cx="7161361" cy="76436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6712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Joint Research Projects</a:t>
          </a:r>
        </a:p>
      </dsp:txBody>
      <dsp:txXfrm>
        <a:off x="998765" y="2675465"/>
        <a:ext cx="7161361" cy="764362"/>
      </dsp:txXfrm>
    </dsp:sp>
    <dsp:sp modelId="{6FD282C5-BDB4-4CA1-AB9D-AD4BDBECD0CA}">
      <dsp:nvSpPr>
        <dsp:cNvPr id="0" name=""/>
        <dsp:cNvSpPr/>
      </dsp:nvSpPr>
      <dsp:spPr>
        <a:xfrm>
          <a:off x="521039" y="2579920"/>
          <a:ext cx="955452" cy="955452"/>
        </a:xfrm>
        <a:prstGeom prst="ellipse">
          <a:avLst/>
        </a:prstGeom>
        <a:solidFill>
          <a:schemeClr val="bg1"/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016C5A4-6457-4E88-B6DE-CFE0C78F0258}">
      <dsp:nvSpPr>
        <dsp:cNvPr id="0" name=""/>
        <dsp:cNvSpPr/>
      </dsp:nvSpPr>
      <dsp:spPr>
        <a:xfrm>
          <a:off x="560539" y="3822207"/>
          <a:ext cx="7599587" cy="76436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6712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eal </a:t>
          </a:r>
          <a:r>
            <a:rPr lang="de-DE" sz="28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of</a:t>
          </a:r>
          <a:r>
            <a:rPr lang="de-DE" sz="28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xcellence</a:t>
          </a:r>
        </a:p>
      </dsp:txBody>
      <dsp:txXfrm>
        <a:off x="560539" y="3822207"/>
        <a:ext cx="7599587" cy="764362"/>
      </dsp:txXfrm>
    </dsp:sp>
    <dsp:sp modelId="{C6D829AE-F6E4-4325-AA1E-88EC39B6EDFC}">
      <dsp:nvSpPr>
        <dsp:cNvPr id="0" name=""/>
        <dsp:cNvSpPr/>
      </dsp:nvSpPr>
      <dsp:spPr>
        <a:xfrm>
          <a:off x="82813" y="3726662"/>
          <a:ext cx="955452" cy="955452"/>
        </a:xfrm>
        <a:prstGeom prst="ellipse">
          <a:avLst/>
        </a:prstGeom>
        <a:solidFill>
          <a:schemeClr val="bg1"/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0EBABF-C0D1-4044-80A6-5245569C42AB}">
      <dsp:nvSpPr>
        <dsp:cNvPr id="0" name=""/>
        <dsp:cNvSpPr/>
      </dsp:nvSpPr>
      <dsp:spPr>
        <a:xfrm>
          <a:off x="4112285" y="1911308"/>
          <a:ext cx="2892531" cy="82909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601133"/>
              </a:lnTo>
              <a:lnTo>
                <a:pt x="2892531" y="601133"/>
              </a:lnTo>
              <a:lnTo>
                <a:pt x="2892531" y="829098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800C3D4-C90E-1B4C-AF14-6D5199DF1C1A}">
      <dsp:nvSpPr>
        <dsp:cNvPr id="0" name=""/>
        <dsp:cNvSpPr/>
      </dsp:nvSpPr>
      <dsp:spPr>
        <a:xfrm>
          <a:off x="4066565" y="1911308"/>
          <a:ext cx="91440" cy="82909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829098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38DFB59-0145-AA43-A7C0-91768134889D}">
      <dsp:nvSpPr>
        <dsp:cNvPr id="0" name=""/>
        <dsp:cNvSpPr/>
      </dsp:nvSpPr>
      <dsp:spPr>
        <a:xfrm>
          <a:off x="1219753" y="1911308"/>
          <a:ext cx="2892531" cy="829098"/>
        </a:xfrm>
        <a:custGeom>
          <a:avLst/>
          <a:gdLst/>
          <a:ahLst/>
          <a:cxnLst/>
          <a:rect l="0" t="0" r="0" b="0"/>
          <a:pathLst>
            <a:path>
              <a:moveTo>
                <a:pt x="2892531" y="0"/>
              </a:moveTo>
              <a:lnTo>
                <a:pt x="2892531" y="601133"/>
              </a:lnTo>
              <a:lnTo>
                <a:pt x="0" y="601133"/>
              </a:lnTo>
              <a:lnTo>
                <a:pt x="0" y="829098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2D8FB56-01E4-694C-B929-3380A18DC4FD}">
      <dsp:nvSpPr>
        <dsp:cNvPr id="0" name=""/>
        <dsp:cNvSpPr/>
      </dsp:nvSpPr>
      <dsp:spPr>
        <a:xfrm>
          <a:off x="2674290" y="432053"/>
          <a:ext cx="2875988" cy="1479255"/>
        </a:xfrm>
        <a:prstGeom prst="rect">
          <a:avLst/>
        </a:prstGeom>
        <a:solidFill>
          <a:srgbClr val="FBBD21"/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Innovation, Forschung und Universität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Innovazione, Ricerca e </a:t>
          </a:r>
          <a:r>
            <a:rPr lang="de-DE" sz="2000" kern="1200" dirty="0" err="1"/>
            <a:t>Università</a:t>
          </a:r>
          <a:endParaRPr lang="de-DE" sz="2000" kern="1200" dirty="0"/>
        </a:p>
      </dsp:txBody>
      <dsp:txXfrm>
        <a:off x="2674290" y="432053"/>
        <a:ext cx="2875988" cy="1479255"/>
      </dsp:txXfrm>
    </dsp:sp>
    <dsp:sp modelId="{039F6ED7-3EE5-6F4C-907A-F02E8D766858}">
      <dsp:nvSpPr>
        <dsp:cNvPr id="0" name=""/>
        <dsp:cNvSpPr/>
      </dsp:nvSpPr>
      <dsp:spPr>
        <a:xfrm>
          <a:off x="1452" y="2740407"/>
          <a:ext cx="2436601" cy="1278906"/>
        </a:xfrm>
        <a:prstGeom prst="rect">
          <a:avLst/>
        </a:prstGeom>
        <a:solidFill>
          <a:srgbClr val="BB1448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  <a:sp3d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Innovation &amp; Technologie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Innovazione &amp; </a:t>
          </a:r>
          <a:r>
            <a:rPr lang="de-DE" sz="2000" kern="1200" dirty="0" err="1"/>
            <a:t>tecnologia</a:t>
          </a:r>
          <a:endParaRPr lang="de-DE" sz="2000" kern="1200" dirty="0"/>
        </a:p>
      </dsp:txBody>
      <dsp:txXfrm>
        <a:off x="1452" y="2740407"/>
        <a:ext cx="2436601" cy="1278906"/>
      </dsp:txXfrm>
    </dsp:sp>
    <dsp:sp modelId="{FF110036-BEB1-AA44-9A97-9496FFC358C4}">
      <dsp:nvSpPr>
        <dsp:cNvPr id="0" name=""/>
        <dsp:cNvSpPr/>
      </dsp:nvSpPr>
      <dsp:spPr>
        <a:xfrm>
          <a:off x="2893984" y="2740407"/>
          <a:ext cx="2436601" cy="1278906"/>
        </a:xfrm>
        <a:prstGeom prst="rect">
          <a:avLst/>
        </a:prstGeom>
        <a:solidFill>
          <a:srgbClr val="BB1448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2000" kern="1200" dirty="0"/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Wissenschaft &amp; Forschung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Ricerca </a:t>
          </a:r>
          <a:r>
            <a:rPr lang="de-DE" sz="2000" kern="1200" dirty="0" err="1"/>
            <a:t>scientifica</a:t>
          </a:r>
          <a:endParaRPr lang="de-DE" sz="2000" kern="1200" dirty="0"/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2000" kern="1200" dirty="0"/>
        </a:p>
      </dsp:txBody>
      <dsp:txXfrm>
        <a:off x="2893984" y="2740407"/>
        <a:ext cx="2436601" cy="1278906"/>
      </dsp:txXfrm>
    </dsp:sp>
    <dsp:sp modelId="{B55A5CA0-FA0D-D043-B183-81993E525C59}">
      <dsp:nvSpPr>
        <dsp:cNvPr id="0" name=""/>
        <dsp:cNvSpPr/>
      </dsp:nvSpPr>
      <dsp:spPr>
        <a:xfrm>
          <a:off x="5786516" y="2740407"/>
          <a:ext cx="2436601" cy="1278906"/>
        </a:xfrm>
        <a:prstGeom prst="rect">
          <a:avLst/>
        </a:prstGeom>
        <a:solidFill>
          <a:srgbClr val="BB1448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/>
            <a:t>Infrastrukturen &amp; Telekommunikation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kern="1200" dirty="0" err="1"/>
            <a:t>Infrastrutture</a:t>
          </a:r>
          <a:r>
            <a:rPr lang="de-DE" sz="2000" kern="1200" dirty="0"/>
            <a:t> &amp; </a:t>
          </a:r>
          <a:r>
            <a:rPr lang="de-DE" sz="2000" kern="1200" dirty="0" err="1"/>
            <a:t>telecomunicazioni</a:t>
          </a:r>
          <a:endParaRPr lang="de-DE" sz="2000" kern="1200" dirty="0"/>
        </a:p>
      </dsp:txBody>
      <dsp:txXfrm>
        <a:off x="5786516" y="2740407"/>
        <a:ext cx="2436601" cy="1278906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799DF66-8DB6-4DB7-8230-74BB741E9BD5}">
      <dsp:nvSpPr>
        <dsp:cNvPr id="0" name=""/>
        <dsp:cNvSpPr/>
      </dsp:nvSpPr>
      <dsp:spPr>
        <a:xfrm>
          <a:off x="0" y="12774"/>
          <a:ext cx="4007394" cy="53703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Landesglasfasernetz: Hauptleitungen &amp; letzte Meile</a:t>
          </a:r>
        </a:p>
      </dsp:txBody>
      <dsp:txXfrm>
        <a:off x="26216" y="38990"/>
        <a:ext cx="3954962" cy="484598"/>
      </dsp:txXfrm>
    </dsp:sp>
    <dsp:sp modelId="{093EA689-D42B-4868-91A5-3E160676E835}">
      <dsp:nvSpPr>
        <dsp:cNvPr id="0" name=""/>
        <dsp:cNvSpPr/>
      </dsp:nvSpPr>
      <dsp:spPr>
        <a:xfrm>
          <a:off x="0" y="627564"/>
          <a:ext cx="4007394" cy="537030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Anbindung öffentliche Einrichtungen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216" y="653780"/>
        <a:ext cx="3954962" cy="484598"/>
      </dsp:txXfrm>
    </dsp:sp>
    <dsp:sp modelId="{9053F88B-63B8-4978-A4F5-52D25F314757}">
      <dsp:nvSpPr>
        <dsp:cNvPr id="0" name=""/>
        <dsp:cNvSpPr/>
      </dsp:nvSpPr>
      <dsp:spPr>
        <a:xfrm>
          <a:off x="0" y="1242354"/>
          <a:ext cx="4007394" cy="537030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Hotspots &amp; Wireless-Anbindungen</a:t>
          </a:r>
        </a:p>
      </dsp:txBody>
      <dsp:txXfrm>
        <a:off x="26216" y="1268570"/>
        <a:ext cx="3954962" cy="484598"/>
      </dsp:txXfrm>
    </dsp:sp>
    <dsp:sp modelId="{04073B0F-FDAF-49C4-A419-1C7BFF8E9A52}">
      <dsp:nvSpPr>
        <dsp:cNvPr id="0" name=""/>
        <dsp:cNvSpPr/>
      </dsp:nvSpPr>
      <dsp:spPr>
        <a:xfrm>
          <a:off x="0" y="1857145"/>
          <a:ext cx="4007394" cy="537030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Beseitigung Umweltschäden</a:t>
          </a:r>
        </a:p>
      </dsp:txBody>
      <dsp:txXfrm>
        <a:off x="26216" y="1883361"/>
        <a:ext cx="3954962" cy="484598"/>
      </dsp:txXfrm>
    </dsp:sp>
    <dsp:sp modelId="{86F51451-A8B3-4873-8AEF-D4D52B6C2BE7}">
      <dsp:nvSpPr>
        <dsp:cNvPr id="0" name=""/>
        <dsp:cNvSpPr/>
      </dsp:nvSpPr>
      <dsp:spPr>
        <a:xfrm>
          <a:off x="0" y="2471935"/>
          <a:ext cx="4007394" cy="537030"/>
        </a:xfrm>
        <a:prstGeom prst="roundRect">
          <a:avLst/>
        </a:prstGeom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ntsorgungsanlagen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216" y="2498151"/>
        <a:ext cx="3954962" cy="484598"/>
      </dsp:txXfrm>
    </dsp:sp>
    <dsp:sp modelId="{2BB86465-BCFD-490C-8283-5CF00DEB4BC7}">
      <dsp:nvSpPr>
        <dsp:cNvPr id="0" name=""/>
        <dsp:cNvSpPr/>
      </dsp:nvSpPr>
      <dsp:spPr>
        <a:xfrm>
          <a:off x="0" y="3086725"/>
          <a:ext cx="4007394" cy="537030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rschließung Gewerbegebiete</a:t>
          </a:r>
        </a:p>
      </dsp:txBody>
      <dsp:txXfrm>
        <a:off x="26216" y="3112941"/>
        <a:ext cx="3954962" cy="484598"/>
      </dsp:txXfrm>
    </dsp:sp>
    <dsp:sp modelId="{B594140E-2343-4E52-991F-1A75D918B874}">
      <dsp:nvSpPr>
        <dsp:cNvPr id="0" name=""/>
        <dsp:cNvSpPr/>
      </dsp:nvSpPr>
      <dsp:spPr>
        <a:xfrm>
          <a:off x="0" y="3701515"/>
          <a:ext cx="4007394" cy="537030"/>
        </a:xfrm>
        <a:prstGeom prst="roundRect">
          <a:avLst/>
        </a:prstGeom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Beratung/Unterstützung Gemeinden</a:t>
          </a:r>
        </a:p>
      </dsp:txBody>
      <dsp:txXfrm>
        <a:off x="26216" y="3727731"/>
        <a:ext cx="3954962" cy="484598"/>
      </dsp:txXfrm>
    </dsp:sp>
    <dsp:sp modelId="{94DDAE94-4023-4E71-8D34-93C0FD6B3126}">
      <dsp:nvSpPr>
        <dsp:cNvPr id="0" name=""/>
        <dsp:cNvSpPr/>
      </dsp:nvSpPr>
      <dsp:spPr>
        <a:xfrm>
          <a:off x="0" y="4329080"/>
          <a:ext cx="4007394" cy="537030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Aufsicht über RAS</a:t>
          </a:r>
        </a:p>
      </dsp:txBody>
      <dsp:txXfrm>
        <a:off x="26216" y="4355296"/>
        <a:ext cx="3954962" cy="484598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381B20F-D960-43E1-96AC-E0A92D16D39E}">
      <dsp:nvSpPr>
        <dsp:cNvPr id="0" name=""/>
        <dsp:cNvSpPr/>
      </dsp:nvSpPr>
      <dsp:spPr>
        <a:xfrm>
          <a:off x="0" y="5218"/>
          <a:ext cx="4335908" cy="536399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Rete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in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fibra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ottica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rovinciale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: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dorsali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ultimo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miglio</a:t>
          </a:r>
          <a:endParaRPr lang="de-DE" sz="14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26185" y="31403"/>
        <a:ext cx="4283538" cy="484029"/>
      </dsp:txXfrm>
    </dsp:sp>
    <dsp:sp modelId="{493CD02B-D5FF-438B-94E5-B97B1D29BAEA}">
      <dsp:nvSpPr>
        <dsp:cNvPr id="0" name=""/>
        <dsp:cNvSpPr/>
      </dsp:nvSpPr>
      <dsp:spPr>
        <a:xfrm>
          <a:off x="0" y="622257"/>
          <a:ext cx="4335908" cy="536399"/>
        </a:xfrm>
        <a:prstGeom prst="roundRect">
          <a:avLst/>
        </a:prstGeom>
        <a:solidFill>
          <a:schemeClr val="bg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Connessioni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delle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trutture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pubbliche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</a:t>
          </a:r>
        </a:p>
      </dsp:txBody>
      <dsp:txXfrm>
        <a:off x="26185" y="648442"/>
        <a:ext cx="4283538" cy="484029"/>
      </dsp:txXfrm>
    </dsp:sp>
    <dsp:sp modelId="{071EE20E-0F97-4E40-A9DF-8CC5C4D69728}">
      <dsp:nvSpPr>
        <dsp:cNvPr id="0" name=""/>
        <dsp:cNvSpPr/>
      </dsp:nvSpPr>
      <dsp:spPr>
        <a:xfrm>
          <a:off x="0" y="1239296"/>
          <a:ext cx="4335908" cy="536399"/>
        </a:xfrm>
        <a:prstGeom prst="round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Hot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spot</a:t>
          </a:r>
          <a:r>
            <a:rPr lang="de-DE" sz="1400" kern="1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 e </a:t>
          </a:r>
          <a:r>
            <a:rPr lang="de-DE" sz="1400" kern="1200" dirty="0" err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rPr>
            <a:t>wireless</a:t>
          </a:r>
          <a:endParaRPr lang="de-DE" sz="1400" kern="12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26185" y="1265481"/>
        <a:ext cx="4283538" cy="484029"/>
      </dsp:txXfrm>
    </dsp:sp>
    <dsp:sp modelId="{16E8FDE1-A049-44E6-9CF4-5D208F0B035A}">
      <dsp:nvSpPr>
        <dsp:cNvPr id="0" name=""/>
        <dsp:cNvSpPr/>
      </dsp:nvSpPr>
      <dsp:spPr>
        <a:xfrm>
          <a:off x="0" y="1856335"/>
          <a:ext cx="4335908" cy="536399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Risanamento </a:t>
          </a:r>
          <a:r>
            <a:rPr lang="it-IT" sz="1400" kern="120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e bonifiche </a:t>
          </a: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ambiental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185" y="1882520"/>
        <a:ext cx="4283538" cy="484029"/>
      </dsp:txXfrm>
    </dsp:sp>
    <dsp:sp modelId="{BEFE15C1-9D94-48B9-A07C-2994B6EAC43A}">
      <dsp:nvSpPr>
        <dsp:cNvPr id="0" name=""/>
        <dsp:cNvSpPr/>
      </dsp:nvSpPr>
      <dsp:spPr>
        <a:xfrm>
          <a:off x="0" y="2473375"/>
          <a:ext cx="4335908" cy="536399"/>
        </a:xfrm>
        <a:prstGeom prst="roundRect">
          <a:avLst/>
        </a:prstGeom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Impianti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di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smaltimento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rifiut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185" y="2499560"/>
        <a:ext cx="4283538" cy="484029"/>
      </dsp:txXfrm>
    </dsp:sp>
    <dsp:sp modelId="{E84BBFE1-E715-46B5-96E1-BC50271917F7}">
      <dsp:nvSpPr>
        <dsp:cNvPr id="0" name=""/>
        <dsp:cNvSpPr/>
      </dsp:nvSpPr>
      <dsp:spPr>
        <a:xfrm>
          <a:off x="0" y="3090414"/>
          <a:ext cx="4335908" cy="536399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Infrastrutturazione di zone produttive 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185" y="3116599"/>
        <a:ext cx="4283538" cy="484029"/>
      </dsp:txXfrm>
    </dsp:sp>
    <dsp:sp modelId="{3A658D54-B9E8-41A6-84EF-68B8819F05E1}">
      <dsp:nvSpPr>
        <dsp:cNvPr id="0" name=""/>
        <dsp:cNvSpPr/>
      </dsp:nvSpPr>
      <dsp:spPr>
        <a:xfrm>
          <a:off x="0" y="3707453"/>
          <a:ext cx="4335908" cy="536399"/>
        </a:xfrm>
        <a:prstGeom prst="roundRect">
          <a:avLst/>
        </a:prstGeom>
        <a:solidFill>
          <a:srgbClr val="4F81BD">
            <a:lumMod val="40000"/>
            <a:lumOff val="60000"/>
          </a:srgb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Consulenza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/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sostegno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</a:t>
          </a: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Comuni</a:t>
          </a:r>
          <a:endParaRPr lang="de-DE" sz="1400" kern="1200" dirty="0">
            <a:solidFill>
              <a:prstClr val="black"/>
            </a:solidFill>
            <a:latin typeface="Arial" panose="020B0604020202020204" pitchFamily="34" charset="0"/>
            <a:ea typeface="+mn-ea"/>
            <a:cs typeface="Arial" panose="020B0604020202020204" pitchFamily="34" charset="0"/>
          </a:endParaRPr>
        </a:p>
      </dsp:txBody>
      <dsp:txXfrm>
        <a:off x="26185" y="3733638"/>
        <a:ext cx="4283538" cy="484029"/>
      </dsp:txXfrm>
    </dsp:sp>
    <dsp:sp modelId="{E7637228-7F74-4BAD-AA7C-B8A2D28F975F}">
      <dsp:nvSpPr>
        <dsp:cNvPr id="0" name=""/>
        <dsp:cNvSpPr/>
      </dsp:nvSpPr>
      <dsp:spPr>
        <a:xfrm>
          <a:off x="0" y="4329710"/>
          <a:ext cx="4335908" cy="536399"/>
        </a:xfrm>
        <a:prstGeom prst="roundRect">
          <a:avLst/>
        </a:prstGeom>
        <a:solidFill>
          <a:prstClr val="white">
            <a:lumMod val="75000"/>
          </a:prstClr>
        </a:solidFill>
        <a:ln w="25400" cap="flat" cmpd="sng" algn="ctr">
          <a:solidFill>
            <a:prstClr val="white">
              <a:hueOff val="0"/>
              <a:satOff val="0"/>
              <a:lumOff val="0"/>
              <a:alphaOff val="0"/>
            </a:prst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400" kern="1200" dirty="0" err="1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Vigilanza</a:t>
          </a:r>
          <a:r>
            <a:rPr lang="de-DE" sz="1400" kern="1200" dirty="0">
              <a:solidFill>
                <a:prstClr val="black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rPr>
            <a:t> RAS</a:t>
          </a:r>
        </a:p>
      </dsp:txBody>
      <dsp:txXfrm>
        <a:off x="26185" y="4355895"/>
        <a:ext cx="4283538" cy="48402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Segnaposto data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7DACCD6-CB05-4832-97BC-1DCC20798203}" type="datetimeFigureOut">
              <a:rPr lang="de-DE" smtClean="0"/>
              <a:t>27.02.2018</a:t>
            </a:fld>
            <a:endParaRPr lang="de-DE"/>
          </a:p>
        </p:txBody>
      </p:sp>
      <p:sp>
        <p:nvSpPr>
          <p:cNvPr id="4" name="Segnaposto piè di pagina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Segnaposto numero diapositiva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DE5E121-4135-479E-923D-1AA0BC3C225D}" type="slidenum">
              <a:rPr lang="de-DE" smtClean="0"/>
              <a:t>‹N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4280105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C8361EF-0766-41F7-B3E0-5E714ED6E430}" type="datetimeFigureOut">
              <a:rPr lang="de-DE" smtClean="0"/>
              <a:t>27.02.2018</a:t>
            </a:fld>
            <a:endParaRPr lang="de-DE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920750" y="746125"/>
            <a:ext cx="496728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de-DE"/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EDF46F-4031-4AB9-AEEA-C6ABF16D8AF1}" type="slidenum">
              <a:rPr lang="de-DE" smtClean="0"/>
              <a:t>‹N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080211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ctrTitle"/>
          </p:nvPr>
        </p:nvSpPr>
        <p:spPr>
          <a:xfrm>
            <a:off x="0" y="2348880"/>
            <a:ext cx="9144000" cy="1800200"/>
          </a:xfrm>
        </p:spPr>
        <p:txBody>
          <a:bodyPr>
            <a:normAutofit/>
          </a:bodyPr>
          <a:lstStyle>
            <a:lvl1pPr algn="ctr"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it-IT" dirty="0"/>
              <a:t>Fare clic per modificare lo stile del titolo</a:t>
            </a:r>
          </a:p>
        </p:txBody>
      </p:sp>
      <p:sp>
        <p:nvSpPr>
          <p:cNvPr id="3" name="Sottotitolo 2"/>
          <p:cNvSpPr>
            <a:spLocks noGrp="1"/>
          </p:cNvSpPr>
          <p:nvPr>
            <p:ph type="subTitle" idx="1"/>
          </p:nvPr>
        </p:nvSpPr>
        <p:spPr>
          <a:xfrm>
            <a:off x="0" y="5611847"/>
            <a:ext cx="9144000" cy="1224136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 dirty="0"/>
              <a:t>Fare clic per modificare lo stile del sottotitolo dello schema</a:t>
            </a: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11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/>
              <a:t>2017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>
            <a:lvl1pPr>
              <a:defRPr sz="11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11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7A41E1B-4F70-4964-A407-84C68BE8251C}" type="slidenum">
              <a:rPr lang="it-IT" smtClean="0"/>
              <a:pPr/>
              <a:t>‹N›</a:t>
            </a:fld>
            <a:endParaRPr lang="it-IT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53752"/>
            <a:ext cx="8229600" cy="1143000"/>
          </a:xfrm>
        </p:spPr>
        <p:txBody>
          <a:bodyPr>
            <a:noAutofit/>
          </a:bodyPr>
          <a:lstStyle>
            <a:lvl1pPr algn="l">
              <a:defRPr sz="2400" b="1">
                <a:solidFill>
                  <a:srgbClr val="000099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it-IT" noProof="0" dirty="0"/>
              <a:t>Fare clic per modificare lo stile del titolo</a:t>
            </a:r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457200" y="1340768"/>
            <a:ext cx="8229600" cy="4968552"/>
          </a:xfrm>
        </p:spPr>
        <p:txBody>
          <a:bodyPr/>
          <a:lstStyle>
            <a:lvl1pPr marL="0" indent="0" algn="just">
              <a:buNone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it-IT" noProof="0" dirty="0"/>
              <a:t>Fare clic per modificare stili del testo dello schema</a:t>
            </a: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/>
              <a:t>2017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‹N›</a:t>
            </a:fld>
            <a:endParaRPr lang="it-IT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itolo 1"/>
          <p:cNvSpPr>
            <a:spLocks noGrp="1"/>
          </p:cNvSpPr>
          <p:nvPr>
            <p:ph type="title"/>
          </p:nvPr>
        </p:nvSpPr>
        <p:spPr>
          <a:xfrm>
            <a:off x="457200" y="44624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it-IT" dirty="0"/>
              <a:t>Fare clic per modificare lo stile del titolo</a:t>
            </a:r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457200" y="1340768"/>
            <a:ext cx="8229600" cy="496855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 noProof="0" dirty="0"/>
              <a:t>Fare clic per modificare stili del testo dello schema</a:t>
            </a:r>
          </a:p>
          <a:p>
            <a:pPr lvl="1"/>
            <a:r>
              <a:rPr lang="it-IT" noProof="0" dirty="0"/>
              <a:t>Secondo livello</a:t>
            </a:r>
          </a:p>
          <a:p>
            <a:pPr lvl="2"/>
            <a:r>
              <a:rPr lang="it-IT" noProof="0" dirty="0"/>
              <a:t>Terzo livello</a:t>
            </a:r>
          </a:p>
          <a:p>
            <a:pPr lvl="3"/>
            <a:r>
              <a:rPr lang="it-IT" noProof="0" dirty="0"/>
              <a:t>Quarto livello</a:t>
            </a:r>
          </a:p>
          <a:p>
            <a:pPr lvl="4"/>
            <a:r>
              <a:rPr lang="it-IT" noProof="0" dirty="0"/>
              <a:t>Quinto livello</a:t>
            </a: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/>
              <a:t>2017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3"/>
          </p:nvPr>
        </p:nvSpPr>
        <p:spPr>
          <a:xfrm>
            <a:off x="2987824" y="6356350"/>
            <a:ext cx="31683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7A41E1B-4F70-4964-A407-84C68BE8251C}" type="slidenum">
              <a:rPr lang="it-IT" smtClean="0"/>
              <a:pPr/>
              <a:t>‹N›</a:t>
            </a:fld>
            <a:endParaRPr lang="it-IT" dirty="0"/>
          </a:p>
        </p:txBody>
      </p:sp>
      <p:cxnSp>
        <p:nvCxnSpPr>
          <p:cNvPr id="8" name="Connettore 1 7"/>
          <p:cNvCxnSpPr/>
          <p:nvPr userDrawn="1"/>
        </p:nvCxnSpPr>
        <p:spPr>
          <a:xfrm>
            <a:off x="0" y="1196752"/>
            <a:ext cx="91440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</p:sldLayoutIdLst>
  <p:hf hdr="0"/>
  <p:txStyles>
    <p:titleStyle>
      <a:lvl1pPr algn="just" defTabSz="914400" rtl="0" eaLnBrk="1" latinLnBrk="0" hangingPunct="1">
        <a:spcBef>
          <a:spcPct val="0"/>
        </a:spcBef>
        <a:buNone/>
        <a:defRPr sz="2400" b="1" kern="1200">
          <a:solidFill>
            <a:srgbClr val="000099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14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tags" Target="../tags/tag26.xml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tags" Target="../tags/tag25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tags" Target="../tags/tag24.xml"/><Relationship Id="rId5" Type="http://schemas.openxmlformats.org/officeDocument/2006/relationships/tags" Target="../tags/tag18.xml"/><Relationship Id="rId10" Type="http://schemas.openxmlformats.org/officeDocument/2006/relationships/tags" Target="../tags/tag23.xml"/><Relationship Id="rId4" Type="http://schemas.openxmlformats.org/officeDocument/2006/relationships/tags" Target="../tags/tag17.xml"/><Relationship Id="rId9" Type="http://schemas.openxmlformats.org/officeDocument/2006/relationships/tags" Target="../tags/tag22.xml"/><Relationship Id="rId14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34.xml"/><Relationship Id="rId13" Type="http://schemas.openxmlformats.org/officeDocument/2006/relationships/tags" Target="../tags/tag39.xml"/><Relationship Id="rId3" Type="http://schemas.openxmlformats.org/officeDocument/2006/relationships/tags" Target="../tags/tag29.xml"/><Relationship Id="rId7" Type="http://schemas.openxmlformats.org/officeDocument/2006/relationships/tags" Target="../tags/tag33.xml"/><Relationship Id="rId12" Type="http://schemas.openxmlformats.org/officeDocument/2006/relationships/tags" Target="../tags/tag38.xml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tags" Target="../tags/tag32.xml"/><Relationship Id="rId11" Type="http://schemas.openxmlformats.org/officeDocument/2006/relationships/tags" Target="../tags/tag37.xml"/><Relationship Id="rId5" Type="http://schemas.openxmlformats.org/officeDocument/2006/relationships/tags" Target="../tags/tag31.xml"/><Relationship Id="rId10" Type="http://schemas.openxmlformats.org/officeDocument/2006/relationships/tags" Target="../tags/tag36.xml"/><Relationship Id="rId4" Type="http://schemas.openxmlformats.org/officeDocument/2006/relationships/tags" Target="../tags/tag30.xml"/><Relationship Id="rId9" Type="http://schemas.openxmlformats.org/officeDocument/2006/relationships/tags" Target="../tags/tag35.xml"/><Relationship Id="rId1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47.xml"/><Relationship Id="rId13" Type="http://schemas.openxmlformats.org/officeDocument/2006/relationships/tags" Target="../tags/tag52.xml"/><Relationship Id="rId3" Type="http://schemas.openxmlformats.org/officeDocument/2006/relationships/tags" Target="../tags/tag42.xml"/><Relationship Id="rId7" Type="http://schemas.openxmlformats.org/officeDocument/2006/relationships/tags" Target="../tags/tag46.xml"/><Relationship Id="rId12" Type="http://schemas.openxmlformats.org/officeDocument/2006/relationships/tags" Target="../tags/tag51.xml"/><Relationship Id="rId2" Type="http://schemas.openxmlformats.org/officeDocument/2006/relationships/tags" Target="../tags/tag41.xml"/><Relationship Id="rId1" Type="http://schemas.openxmlformats.org/officeDocument/2006/relationships/tags" Target="../tags/tag40.xml"/><Relationship Id="rId6" Type="http://schemas.openxmlformats.org/officeDocument/2006/relationships/tags" Target="../tags/tag45.xml"/><Relationship Id="rId11" Type="http://schemas.openxmlformats.org/officeDocument/2006/relationships/tags" Target="../tags/tag50.xml"/><Relationship Id="rId5" Type="http://schemas.openxmlformats.org/officeDocument/2006/relationships/tags" Target="../tags/tag44.xml"/><Relationship Id="rId10" Type="http://schemas.openxmlformats.org/officeDocument/2006/relationships/tags" Target="../tags/tag49.xml"/><Relationship Id="rId4" Type="http://schemas.openxmlformats.org/officeDocument/2006/relationships/tags" Target="../tags/tag43.xml"/><Relationship Id="rId9" Type="http://schemas.openxmlformats.org/officeDocument/2006/relationships/tags" Target="../tags/tag48.xml"/><Relationship Id="rId14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9.xml"/><Relationship Id="rId3" Type="http://schemas.openxmlformats.org/officeDocument/2006/relationships/diagramLayout" Target="../diagrams/layout8.xml"/><Relationship Id="rId7" Type="http://schemas.openxmlformats.org/officeDocument/2006/relationships/diagramData" Target="../diagrams/data9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8.xml"/><Relationship Id="rId11" Type="http://schemas.microsoft.com/office/2007/relationships/diagramDrawing" Target="../diagrams/drawing9.xml"/><Relationship Id="rId5" Type="http://schemas.openxmlformats.org/officeDocument/2006/relationships/diagramColors" Target="../diagrams/colors8.xml"/><Relationship Id="rId10" Type="http://schemas.openxmlformats.org/officeDocument/2006/relationships/diagramColors" Target="../diagrams/colors9.xml"/><Relationship Id="rId4" Type="http://schemas.openxmlformats.org/officeDocument/2006/relationships/diagramQuickStyle" Target="../diagrams/quickStyle8.xml"/><Relationship Id="rId9" Type="http://schemas.openxmlformats.org/officeDocument/2006/relationships/diagramQuickStyle" Target="../diagrams/quickStyle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3.xml"/><Relationship Id="rId3" Type="http://schemas.openxmlformats.org/officeDocument/2006/relationships/diagramLayout" Target="../diagrams/layout2.xml"/><Relationship Id="rId7" Type="http://schemas.openxmlformats.org/officeDocument/2006/relationships/diagramData" Target="../diagrams/data3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11" Type="http://schemas.microsoft.com/office/2007/relationships/diagramDrawing" Target="../diagrams/drawing3.xml"/><Relationship Id="rId5" Type="http://schemas.openxmlformats.org/officeDocument/2006/relationships/diagramColors" Target="../diagrams/colors2.xml"/><Relationship Id="rId10" Type="http://schemas.openxmlformats.org/officeDocument/2006/relationships/diagramColors" Target="../diagrams/colors3.xml"/><Relationship Id="rId4" Type="http://schemas.openxmlformats.org/officeDocument/2006/relationships/diagramQuickStyle" Target="../diagrams/quickStyle2.xml"/><Relationship Id="rId9" Type="http://schemas.openxmlformats.org/officeDocument/2006/relationships/diagramQuickStyle" Target="../diagrams/quickStyle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5.xml"/><Relationship Id="rId3" Type="http://schemas.openxmlformats.org/officeDocument/2006/relationships/diagramLayout" Target="../diagrams/layout4.xml"/><Relationship Id="rId7" Type="http://schemas.openxmlformats.org/officeDocument/2006/relationships/diagramData" Target="../diagrams/data5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microsoft.com/office/2007/relationships/diagramDrawing" Target="../diagrams/drawing5.xml"/><Relationship Id="rId5" Type="http://schemas.openxmlformats.org/officeDocument/2006/relationships/diagramColors" Target="../diagrams/colors4.xml"/><Relationship Id="rId10" Type="http://schemas.openxmlformats.org/officeDocument/2006/relationships/diagramColors" Target="../diagrams/colors5.xml"/><Relationship Id="rId4" Type="http://schemas.openxmlformats.org/officeDocument/2006/relationships/diagramQuickStyle" Target="../diagrams/quickStyle4.xml"/><Relationship Id="rId9" Type="http://schemas.openxmlformats.org/officeDocument/2006/relationships/diagramQuickStyle" Target="../diagrams/quickStyle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diagramLayout" Target="../diagrams/layout6.xml"/><Relationship Id="rId7" Type="http://schemas.openxmlformats.org/officeDocument/2006/relationships/image" Target="../media/image4.jpeg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10" Type="http://schemas.openxmlformats.org/officeDocument/2006/relationships/image" Target="../media/image7.png"/><Relationship Id="rId4" Type="http://schemas.openxmlformats.org/officeDocument/2006/relationships/diagramQuickStyle" Target="../diagrams/quickStyle6.xml"/><Relationship Id="rId9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magin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567"/>
          <a:stretch/>
        </p:blipFill>
        <p:spPr>
          <a:xfrm>
            <a:off x="179" y="3408726"/>
            <a:ext cx="9144000" cy="3466883"/>
          </a:xfrm>
          <a:prstGeom prst="rect">
            <a:avLst/>
          </a:prstGeom>
        </p:spPr>
      </p:pic>
      <p:pic>
        <p:nvPicPr>
          <p:cNvPr id="8" name="Immagin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956" y="50510"/>
            <a:ext cx="7562088" cy="1441704"/>
          </a:xfrm>
          <a:prstGeom prst="rect">
            <a:avLst/>
          </a:prstGeom>
        </p:spPr>
      </p:pic>
      <p:pic>
        <p:nvPicPr>
          <p:cNvPr id="7" name="Immagine 6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567" b="60397"/>
          <a:stretch/>
        </p:blipFill>
        <p:spPr>
          <a:xfrm>
            <a:off x="179" y="1412776"/>
            <a:ext cx="9144000" cy="1995950"/>
          </a:xfrm>
          <a:prstGeom prst="rect">
            <a:avLst/>
          </a:prstGeom>
        </p:spPr>
      </p:pic>
      <p:sp>
        <p:nvSpPr>
          <p:cNvPr id="2" name="Titolo 1"/>
          <p:cNvSpPr>
            <a:spLocks noGrp="1"/>
          </p:cNvSpPr>
          <p:nvPr>
            <p:ph type="ctrTitle"/>
          </p:nvPr>
        </p:nvSpPr>
        <p:spPr>
          <a:xfrm>
            <a:off x="251520" y="1548408"/>
            <a:ext cx="8640960" cy="1664568"/>
          </a:xfrm>
        </p:spPr>
        <p:txBody>
          <a:bodyPr>
            <a:noAutofit/>
          </a:bodyPr>
          <a:lstStyle/>
          <a:p>
            <a:pPr algn="l"/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Die Südtiroler Forschungsoffensive</a:t>
            </a:r>
            <a:b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</a:br>
            <a:b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</a:b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Nuove</a:t>
            </a:r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 </a:t>
            </a: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iniziative</a:t>
            </a:r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 </a:t>
            </a: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nel</a:t>
            </a:r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 </a:t>
            </a: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campo</a:t>
            </a:r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 della ricerca </a:t>
            </a: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scientifica</a:t>
            </a:r>
            <a:r>
              <a:rPr lang="de-DE" sz="2800" dirty="0">
                <a:solidFill>
                  <a:schemeClr val="bg1"/>
                </a:solidFill>
                <a:ea typeface="Arial Unicode MS" panose="020B0604020202020204" pitchFamily="34" charset="-128"/>
              </a:rPr>
              <a:t> </a:t>
            </a:r>
            <a:r>
              <a:rPr lang="de-DE" sz="2800" dirty="0" err="1">
                <a:solidFill>
                  <a:schemeClr val="bg1"/>
                </a:solidFill>
                <a:ea typeface="Arial Unicode MS" panose="020B0604020202020204" pitchFamily="34" charset="-128"/>
              </a:rPr>
              <a:t>altoatesina</a:t>
            </a:r>
            <a:endParaRPr lang="de-DE" sz="2800" dirty="0">
              <a:solidFill>
                <a:schemeClr val="bg1"/>
              </a:solidFill>
              <a:ea typeface="Arial Unicode MS" panose="020B0604020202020204" pitchFamily="34" charset="-128"/>
            </a:endParaRPr>
          </a:p>
        </p:txBody>
      </p:sp>
      <p:sp>
        <p:nvSpPr>
          <p:cNvPr id="9" name="Sottotitolo 2"/>
          <p:cNvSpPr txBox="1">
            <a:spLocks/>
          </p:cNvSpPr>
          <p:nvPr/>
        </p:nvSpPr>
        <p:spPr>
          <a:xfrm>
            <a:off x="179511" y="2924944"/>
            <a:ext cx="8784977" cy="115212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b="1" kern="12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200" kern="12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1800" dirty="0">
                <a:solidFill>
                  <a:schemeClr val="accent2"/>
                </a:solidFill>
                <a:latin typeface="Arial Narrow" panose="020B0606020202030204" pitchFamily="34" charset="0"/>
              </a:rPr>
              <a:t>28.02.2018</a:t>
            </a:r>
          </a:p>
          <a:p>
            <a:pPr algn="r"/>
            <a:r>
              <a:rPr lang="de-DE" sz="1800" dirty="0">
                <a:solidFill>
                  <a:schemeClr val="accent2"/>
                </a:solidFill>
                <a:latin typeface="Arial Narrow" panose="020B0606020202030204" pitchFamily="34" charset="0"/>
              </a:rPr>
              <a:t>Pressekonferenz</a:t>
            </a:r>
          </a:p>
          <a:p>
            <a:pPr algn="r"/>
            <a:r>
              <a:rPr lang="it-IT" sz="1800" dirty="0">
                <a:solidFill>
                  <a:schemeClr val="accent2"/>
                </a:solidFill>
                <a:latin typeface="Arial Narrow" panose="020B0606020202030204" pitchFamily="34" charset="0"/>
              </a:rPr>
              <a:t>Conferenza stampa</a:t>
            </a:r>
          </a:p>
        </p:txBody>
      </p:sp>
      <p:sp>
        <p:nvSpPr>
          <p:cNvPr id="10" name="Titolo 1"/>
          <p:cNvSpPr txBox="1">
            <a:spLocks/>
          </p:cNvSpPr>
          <p:nvPr/>
        </p:nvSpPr>
        <p:spPr>
          <a:xfrm>
            <a:off x="251520" y="3717032"/>
            <a:ext cx="8640960" cy="432048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pPr algn="l"/>
            <a:endParaRPr lang="de-DE" sz="1600" dirty="0">
              <a:solidFill>
                <a:schemeClr val="bg1"/>
              </a:solidFill>
              <a:ea typeface="Arial Unicode MS" panose="020B0604020202020204" pitchFamily="34" charset="-128"/>
            </a:endParaRPr>
          </a:p>
        </p:txBody>
      </p:sp>
      <p:sp>
        <p:nvSpPr>
          <p:cNvPr id="3" name="Rettangolo 2"/>
          <p:cNvSpPr/>
          <p:nvPr/>
        </p:nvSpPr>
        <p:spPr>
          <a:xfrm>
            <a:off x="9704" y="771362"/>
            <a:ext cx="790777" cy="49739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ttangolo 10"/>
          <p:cNvSpPr/>
          <p:nvPr/>
        </p:nvSpPr>
        <p:spPr>
          <a:xfrm>
            <a:off x="8337467" y="771362"/>
            <a:ext cx="790777" cy="49739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1649872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269776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Forschungsförderung und Innovationsförderung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Finanziamento della ricerca e dell´innovazione</a:t>
            </a:r>
            <a:br>
              <a:rPr lang="de-DE" dirty="0"/>
            </a:br>
            <a:endParaRPr lang="it-IT" dirty="0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10</a:t>
            </a:fld>
            <a:endParaRPr lang="it-IT"/>
          </a:p>
        </p:txBody>
      </p:sp>
      <p:sp>
        <p:nvSpPr>
          <p:cNvPr id="12" name="Rechteck: abgerundete Ecken 11">
            <a:extLst>
              <a:ext uri="{FF2B5EF4-FFF2-40B4-BE49-F238E27FC236}">
                <a16:creationId xmlns:a16="http://schemas.microsoft.com/office/drawing/2014/main" id="{AF503B60-A8BF-498D-8553-4EE4C5CD0678}"/>
              </a:ext>
            </a:extLst>
          </p:cNvPr>
          <p:cNvSpPr/>
          <p:nvPr/>
        </p:nvSpPr>
        <p:spPr>
          <a:xfrm>
            <a:off x="467544" y="1268760"/>
            <a:ext cx="7920880" cy="2088232"/>
          </a:xfrm>
          <a:prstGeom prst="roundRect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Wissenschaftsfonds fördert Forschungsprojekte von Wissenschaftlern an Forschungseinrichtungen (Grundlagenforschung und angewandte Forschung).</a:t>
            </a:r>
          </a:p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Beitragsempfänger ist immer die Forschungseinrichtung.</a:t>
            </a:r>
          </a:p>
          <a:p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Il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fondo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per la ricerca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finanzia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progetti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di ricerca di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ricercatori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attivi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in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enti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di ricerca (ricerca di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base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e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applicata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). </a:t>
            </a:r>
          </a:p>
          <a:p>
            <a:r>
              <a:rPr lang="de-DE" dirty="0" err="1">
                <a:cs typeface="Arial" panose="020B0604020202020204" pitchFamily="34" charset="0"/>
              </a:rPr>
              <a:t>Destinatario</a:t>
            </a:r>
            <a:r>
              <a:rPr lang="de-DE" dirty="0">
                <a:cs typeface="Arial" panose="020B0604020202020204" pitchFamily="34" charset="0"/>
              </a:rPr>
              <a:t> del </a:t>
            </a:r>
            <a:r>
              <a:rPr lang="de-DE" dirty="0" err="1">
                <a:cs typeface="Arial" panose="020B0604020202020204" pitchFamily="34" charset="0"/>
              </a:rPr>
              <a:t>contributo</a:t>
            </a:r>
            <a:r>
              <a:rPr lang="de-DE" dirty="0">
                <a:cs typeface="Arial" panose="020B0604020202020204" pitchFamily="34" charset="0"/>
              </a:rPr>
              <a:t> è sempre </a:t>
            </a:r>
            <a:r>
              <a:rPr lang="de-DE" dirty="0" err="1">
                <a:cs typeface="Arial" panose="020B0604020202020204" pitchFamily="34" charset="0"/>
              </a:rPr>
              <a:t>l´ente</a:t>
            </a:r>
            <a:r>
              <a:rPr lang="de-DE" dirty="0">
                <a:cs typeface="Arial" panose="020B0604020202020204" pitchFamily="34" charset="0"/>
              </a:rPr>
              <a:t> di ricerca.</a:t>
            </a:r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  <p:sp>
        <p:nvSpPr>
          <p:cNvPr id="13" name="Rechteck: abgerundete Ecken 12">
            <a:extLst>
              <a:ext uri="{FF2B5EF4-FFF2-40B4-BE49-F238E27FC236}">
                <a16:creationId xmlns:a16="http://schemas.microsoft.com/office/drawing/2014/main" id="{C2F8A54D-5569-4390-AD01-732B99F09A1B}"/>
              </a:ext>
            </a:extLst>
          </p:cNvPr>
          <p:cNvSpPr/>
          <p:nvPr/>
        </p:nvSpPr>
        <p:spPr>
          <a:xfrm>
            <a:off x="434449" y="3567682"/>
            <a:ext cx="7920880" cy="2165574"/>
          </a:xfrm>
          <a:prstGeom prst="roundRect">
            <a:avLst/>
          </a:prstGeom>
          <a:solidFill>
            <a:prstClr val="white">
              <a:lumMod val="75000"/>
            </a:prst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Innovationsförderung fördert F&amp;E von Unternehmen (auch im Verbund mit Forschungseinrichtungen).</a:t>
            </a:r>
          </a:p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Beitragsempfänger ist immer das Unternehmen. </a:t>
            </a:r>
          </a:p>
          <a:p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  <a:p>
            <a:r>
              <a:rPr lang="de-DE" dirty="0">
                <a:cs typeface="Arial" panose="020B0604020202020204" pitchFamily="34" charset="0"/>
              </a:rPr>
              <a:t>Il </a:t>
            </a:r>
            <a:r>
              <a:rPr lang="de-DE" dirty="0" err="1">
                <a:cs typeface="Arial" panose="020B0604020202020204" pitchFamily="34" charset="0"/>
              </a:rPr>
              <a:t>finanziamento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dell´innovazione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sostiene</a:t>
            </a:r>
            <a:r>
              <a:rPr lang="de-DE" dirty="0">
                <a:cs typeface="Arial" panose="020B0604020202020204" pitchFamily="34" charset="0"/>
              </a:rPr>
              <a:t> R&amp;S delle </a:t>
            </a:r>
            <a:r>
              <a:rPr lang="de-DE" dirty="0" err="1">
                <a:cs typeface="Arial" panose="020B0604020202020204" pitchFamily="34" charset="0"/>
              </a:rPr>
              <a:t>imprese</a:t>
            </a:r>
            <a:r>
              <a:rPr lang="de-DE" dirty="0">
                <a:cs typeface="Arial" panose="020B0604020202020204" pitchFamily="34" charset="0"/>
              </a:rPr>
              <a:t> (</a:t>
            </a:r>
            <a:r>
              <a:rPr lang="de-DE" dirty="0" err="1">
                <a:cs typeface="Arial" panose="020B0604020202020204" pitchFamily="34" charset="0"/>
              </a:rPr>
              <a:t>anche</a:t>
            </a:r>
            <a:r>
              <a:rPr lang="de-DE" dirty="0">
                <a:cs typeface="Arial" panose="020B0604020202020204" pitchFamily="34" charset="0"/>
              </a:rPr>
              <a:t> in </a:t>
            </a:r>
            <a:r>
              <a:rPr lang="de-DE" dirty="0" err="1">
                <a:cs typeface="Arial" panose="020B0604020202020204" pitchFamily="34" charset="0"/>
              </a:rPr>
              <a:t>cooperazione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con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enti</a:t>
            </a:r>
            <a:r>
              <a:rPr lang="de-DE" dirty="0">
                <a:cs typeface="Arial" panose="020B0604020202020204" pitchFamily="34" charset="0"/>
              </a:rPr>
              <a:t> di ricerca).</a:t>
            </a:r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  <a:p>
            <a:r>
              <a:rPr lang="de-DE" dirty="0" err="1">
                <a:cs typeface="Arial" panose="020B0604020202020204" pitchFamily="34" charset="0"/>
              </a:rPr>
              <a:t>Destinatario</a:t>
            </a:r>
            <a:r>
              <a:rPr lang="de-DE" dirty="0">
                <a:cs typeface="Arial" panose="020B0604020202020204" pitchFamily="34" charset="0"/>
              </a:rPr>
              <a:t> del </a:t>
            </a:r>
            <a:r>
              <a:rPr lang="de-DE" dirty="0" err="1">
                <a:cs typeface="Arial" panose="020B0604020202020204" pitchFamily="34" charset="0"/>
              </a:rPr>
              <a:t>contributo</a:t>
            </a:r>
            <a:r>
              <a:rPr lang="de-DE" dirty="0">
                <a:cs typeface="Arial" panose="020B0604020202020204" pitchFamily="34" charset="0"/>
              </a:rPr>
              <a:t> è sempre </a:t>
            </a:r>
            <a:r>
              <a:rPr lang="de-DE" dirty="0" err="1">
                <a:cs typeface="Arial" panose="020B0604020202020204" pitchFamily="34" charset="0"/>
              </a:rPr>
              <a:t>l´impresa</a:t>
            </a:r>
            <a:r>
              <a:rPr lang="de-DE" dirty="0">
                <a:cs typeface="Arial" panose="020B0604020202020204" pitchFamily="34" charset="0"/>
              </a:rPr>
              <a:t>.</a:t>
            </a:r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73085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269776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Reorganisation Abteilung 34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Riorganizzazione Ripartizione 34</a:t>
            </a:r>
            <a:br>
              <a:rPr lang="de-DE" dirty="0"/>
            </a:br>
            <a:endParaRPr lang="it-IT" dirty="0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11</a:t>
            </a:fld>
            <a:endParaRPr lang="it-IT" dirty="0"/>
          </a:p>
        </p:txBody>
      </p:sp>
      <p:graphicFrame>
        <p:nvGraphicFramePr>
          <p:cNvPr id="9" name="Inhaltsplatzhalter 2">
            <a:extLst>
              <a:ext uri="{FF2B5EF4-FFF2-40B4-BE49-F238E27FC236}">
                <a16:creationId xmlns:a16="http://schemas.microsoft.com/office/drawing/2014/main" id="{EE14481A-A1B5-475E-A7A7-6DB25F46947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98973742"/>
              </p:ext>
            </p:extLst>
          </p:nvPr>
        </p:nvGraphicFramePr>
        <p:xfrm>
          <a:off x="462230" y="1196752"/>
          <a:ext cx="8224570" cy="48245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3038452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07704C27-E47A-4C86-B21B-FDDDA0BC7FEF}"/>
              </a:ext>
            </a:extLst>
          </p:cNvPr>
          <p:cNvSpPr txBox="1">
            <a:spLocks/>
          </p:cNvSpPr>
          <p:nvPr/>
        </p:nvSpPr>
        <p:spPr>
          <a:xfrm>
            <a:off x="457200" y="26977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77500" lnSpcReduction="2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dirty="0">
                <a:solidFill>
                  <a:srgbClr val="C00000"/>
                </a:solidFill>
              </a:rPr>
              <a:t>Umsetzung Forschungsoffensive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Attuazione delle iniziative per la ricerca scientifica</a:t>
            </a:r>
            <a:br>
              <a:rPr lang="de-DE" dirty="0"/>
            </a:br>
            <a:endParaRPr lang="it-IT" dirty="0"/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FC348782-EB6B-43EB-A9A0-0C4AB228A23C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03908" y="5796525"/>
            <a:ext cx="7569200" cy="254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TB_00000000000000000000000000000000_TimescaleInterval1">
            <a:extLst>
              <a:ext uri="{FF2B5EF4-FFF2-40B4-BE49-F238E27FC236}">
                <a16:creationId xmlns:a16="http://schemas.microsoft.com/office/drawing/2014/main" id="{2BB5E618-3AC7-4BD7-9A14-024B0C17F79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91630" y="5841413"/>
            <a:ext cx="152400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FF01FE62-E607-4B6B-B1A1-A72A4E39922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33545" y="5841413"/>
            <a:ext cx="170752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FBC559B7-8226-4845-8CFC-2A47E5BD9E1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013338" y="5841413"/>
            <a:ext cx="193964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9A3E3143-9464-43AA-89DF-1D4765E80B3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655253" y="5841413"/>
            <a:ext cx="168316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ACCB57C5-B5E8-44A2-A94F-29FC7558376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76460" y="5841413"/>
            <a:ext cx="206788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4" name="OTLSHAPE_TB_00000000000000000000000000000000_TimescaleInterval6">
            <a:extLst>
              <a:ext uri="{FF2B5EF4-FFF2-40B4-BE49-F238E27FC236}">
                <a16:creationId xmlns:a16="http://schemas.microsoft.com/office/drawing/2014/main" id="{90153F75-1E08-47A5-AE36-6A4EB353477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918375" y="5841413"/>
            <a:ext cx="158698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5" name="OTLSHAPE_TB_00000000000000000000000000000000_TimescaleInterval7">
            <a:extLst>
              <a:ext uri="{FF2B5EF4-FFF2-40B4-BE49-F238E27FC236}">
                <a16:creationId xmlns:a16="http://schemas.microsoft.com/office/drawing/2014/main" id="{CB604BCA-31C3-4C21-9CA5-BE281F06EB1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39582" y="5841413"/>
            <a:ext cx="127000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" name="OTLSHAPE_TB_00000000000000000000000000000000_TimescaleInterval8">
            <a:extLst>
              <a:ext uri="{FF2B5EF4-FFF2-40B4-BE49-F238E27FC236}">
                <a16:creationId xmlns:a16="http://schemas.microsoft.com/office/drawing/2014/main" id="{40FA46D4-BB9B-4A7D-AE85-9DDD15ABFAF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181496" y="5841413"/>
            <a:ext cx="182742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E11F4D92-2F2B-4407-A9D8-8D85E4219D7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823411" y="5841413"/>
            <a:ext cx="170752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" name="OTLSHAPE_TB_00000000000000000000000000000000_TimescaleInterval10">
            <a:extLst>
              <a:ext uri="{FF2B5EF4-FFF2-40B4-BE49-F238E27FC236}">
                <a16:creationId xmlns:a16="http://schemas.microsoft.com/office/drawing/2014/main" id="{92E9CBC9-DA07-45BF-B0C4-77725DCA7E5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444618" y="5841413"/>
            <a:ext cx="165100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9" name="OTLSHAPE_TB_00000000000000000000000000000000_TimescaleInterval11">
            <a:extLst>
              <a:ext uri="{FF2B5EF4-FFF2-40B4-BE49-F238E27FC236}">
                <a16:creationId xmlns:a16="http://schemas.microsoft.com/office/drawing/2014/main" id="{3564ED5A-0FA9-46A2-AB3F-1A2E4CF4EDA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086533" y="5841413"/>
            <a:ext cx="190500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20C9E07F-D436-4442-A5BC-0DEFA1DD36A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707740" y="5841413"/>
            <a:ext cx="177800" cy="13953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Segnaposto data 3">
            <a:extLst>
              <a:ext uri="{FF2B5EF4-FFF2-40B4-BE49-F238E27FC236}">
                <a16:creationId xmlns:a16="http://schemas.microsoft.com/office/drawing/2014/main" id="{7652FFE8-0298-43AE-8D35-45644D84C3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45" name="Segnaposto piè di pagina 4">
            <a:extLst>
              <a:ext uri="{FF2B5EF4-FFF2-40B4-BE49-F238E27FC236}">
                <a16:creationId xmlns:a16="http://schemas.microsoft.com/office/drawing/2014/main" id="{2A1F71DC-42A6-4789-A47D-6CFAA78BC4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46" name="Segnaposto numero diapositiva 5">
            <a:extLst>
              <a:ext uri="{FF2B5EF4-FFF2-40B4-BE49-F238E27FC236}">
                <a16:creationId xmlns:a16="http://schemas.microsoft.com/office/drawing/2014/main" id="{41EAF51F-211F-4F9A-8A19-3D5B829A71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2</a:t>
            </a:fld>
            <a:endParaRPr lang="it-IT" dirty="0"/>
          </a:p>
        </p:txBody>
      </p:sp>
      <p:sp>
        <p:nvSpPr>
          <p:cNvPr id="48" name="Pfeil: Fünfeck 47">
            <a:extLst>
              <a:ext uri="{FF2B5EF4-FFF2-40B4-BE49-F238E27FC236}">
                <a16:creationId xmlns:a16="http://schemas.microsoft.com/office/drawing/2014/main" id="{01851775-E572-4FE0-A527-993EF906DBF8}"/>
              </a:ext>
            </a:extLst>
          </p:cNvPr>
          <p:cNvSpPr/>
          <p:nvPr/>
        </p:nvSpPr>
        <p:spPr>
          <a:xfrm>
            <a:off x="703908" y="1607365"/>
            <a:ext cx="7373516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Reorganisation Abteilung</a:t>
            </a:r>
          </a:p>
          <a:p>
            <a:r>
              <a:rPr lang="de-DE" dirty="0" err="1">
                <a:cs typeface="Arial" panose="020B0604020202020204" pitchFamily="34" charset="0"/>
              </a:rPr>
              <a:t>Riorganizzazione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ripartizione</a:t>
            </a:r>
            <a:endParaRPr lang="de-DE" dirty="0">
              <a:cs typeface="Arial" panose="020B0604020202020204" pitchFamily="34" charset="0"/>
            </a:endParaRPr>
          </a:p>
        </p:txBody>
      </p:sp>
      <p:sp>
        <p:nvSpPr>
          <p:cNvPr id="49" name="Pfeil: Fünfeck 48">
            <a:extLst>
              <a:ext uri="{FF2B5EF4-FFF2-40B4-BE49-F238E27FC236}">
                <a16:creationId xmlns:a16="http://schemas.microsoft.com/office/drawing/2014/main" id="{7101D80B-F8F4-40C3-B6B3-304A0B67F187}"/>
              </a:ext>
            </a:extLst>
          </p:cNvPr>
          <p:cNvSpPr/>
          <p:nvPr/>
        </p:nvSpPr>
        <p:spPr>
          <a:xfrm>
            <a:off x="738156" y="2654237"/>
            <a:ext cx="4553923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Durchführungsverordnung LG 14/2006</a:t>
            </a:r>
          </a:p>
          <a:p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Regolamento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di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esecuzione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LP </a:t>
            </a:r>
            <a:r>
              <a:rPr lang="de-DE" dirty="0">
                <a:solidFill>
                  <a:schemeClr val="tx1"/>
                </a:solidFill>
              </a:rPr>
              <a:t>14/2006</a:t>
            </a:r>
          </a:p>
        </p:txBody>
      </p:sp>
      <p:sp>
        <p:nvSpPr>
          <p:cNvPr id="31" name="Pfeil: Fünfeck 30">
            <a:extLst>
              <a:ext uri="{FF2B5EF4-FFF2-40B4-BE49-F238E27FC236}">
                <a16:creationId xmlns:a16="http://schemas.microsoft.com/office/drawing/2014/main" id="{786C88E6-EFE4-42E8-88E5-83F41DA7EAF7}"/>
              </a:ext>
            </a:extLst>
          </p:cNvPr>
          <p:cNvSpPr/>
          <p:nvPr/>
        </p:nvSpPr>
        <p:spPr>
          <a:xfrm>
            <a:off x="738156" y="4746735"/>
            <a:ext cx="7486298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Ausschreibung externe Begutachtung </a:t>
            </a:r>
            <a:r>
              <a:rPr lang="de-DE" sz="1400" dirty="0">
                <a:solidFill>
                  <a:schemeClr val="tx1"/>
                </a:solidFill>
              </a:rPr>
              <a:t>(Research Südtirol / Alto </a:t>
            </a:r>
            <a:r>
              <a:rPr lang="de-DE" sz="1400" dirty="0" err="1">
                <a:solidFill>
                  <a:schemeClr val="tx1"/>
                </a:solidFill>
              </a:rPr>
              <a:t>Adige</a:t>
            </a:r>
            <a:r>
              <a:rPr lang="de-DE" sz="1400" dirty="0">
                <a:solidFill>
                  <a:schemeClr val="tx1"/>
                </a:solidFill>
              </a:rPr>
              <a:t>) </a:t>
            </a:r>
          </a:p>
          <a:p>
            <a:r>
              <a:rPr lang="de-DE" dirty="0" err="1">
                <a:solidFill>
                  <a:schemeClr val="tx1"/>
                </a:solidFill>
              </a:rPr>
              <a:t>Band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valutazion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esterna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sz="1400" dirty="0">
                <a:solidFill>
                  <a:schemeClr val="tx1"/>
                </a:solidFill>
              </a:rPr>
              <a:t>(Research Südtirol / Alto </a:t>
            </a:r>
            <a:r>
              <a:rPr lang="de-DE" sz="1400" dirty="0" err="1">
                <a:solidFill>
                  <a:schemeClr val="tx1"/>
                </a:solidFill>
              </a:rPr>
              <a:t>Adige</a:t>
            </a:r>
            <a:r>
              <a:rPr lang="de-DE" sz="1400" dirty="0">
                <a:solidFill>
                  <a:schemeClr val="tx1"/>
                </a:solidFill>
              </a:rPr>
              <a:t>) </a:t>
            </a:r>
          </a:p>
        </p:txBody>
      </p:sp>
      <p:sp>
        <p:nvSpPr>
          <p:cNvPr id="33" name="Pfeil: Fünfeck 32">
            <a:extLst>
              <a:ext uri="{FF2B5EF4-FFF2-40B4-BE49-F238E27FC236}">
                <a16:creationId xmlns:a16="http://schemas.microsoft.com/office/drawing/2014/main" id="{CE881E1A-EA42-4BA1-979C-FF366412D3FC}"/>
              </a:ext>
            </a:extLst>
          </p:cNvPr>
          <p:cNvSpPr/>
          <p:nvPr/>
        </p:nvSpPr>
        <p:spPr>
          <a:xfrm>
            <a:off x="5722703" y="3594607"/>
            <a:ext cx="2449697" cy="846303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Erste Ausschreibung</a:t>
            </a:r>
          </a:p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Primo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bando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</a:t>
            </a:r>
            <a:b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</a:br>
            <a:r>
              <a:rPr lang="de-DE" sz="1400" dirty="0">
                <a:solidFill>
                  <a:schemeClr val="tx1"/>
                </a:solidFill>
                <a:cs typeface="Arial" panose="020B0604020202020204" pitchFamily="34" charset="0"/>
              </a:rPr>
              <a:t>(Research Südtirol / A.A.)  </a:t>
            </a:r>
          </a:p>
        </p:txBody>
      </p:sp>
    </p:spTree>
    <p:extLst>
      <p:ext uri="{BB962C8B-B14F-4D97-AF65-F5344CB8AC3E}">
        <p14:creationId xmlns:p14="http://schemas.microsoft.com/office/powerpoint/2010/main" val="210094909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07704C27-E47A-4C86-B21B-FDDDA0BC7FEF}"/>
              </a:ext>
            </a:extLst>
          </p:cNvPr>
          <p:cNvSpPr txBox="1">
            <a:spLocks/>
          </p:cNvSpPr>
          <p:nvPr/>
        </p:nvSpPr>
        <p:spPr>
          <a:xfrm>
            <a:off x="457200" y="26977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5000" lnSpcReduction="1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dirty="0">
                <a:solidFill>
                  <a:srgbClr val="C00000"/>
                </a:solidFill>
              </a:rPr>
              <a:t>Umsetzung Forschungsoffensive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sz="3100" dirty="0">
                <a:solidFill>
                  <a:srgbClr val="C00000"/>
                </a:solidFill>
              </a:rPr>
              <a:t>Attuazione delle iniziative per la ricerca scientifica</a:t>
            </a:r>
            <a:endParaRPr lang="it-IT" sz="3100" dirty="0"/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FC348782-EB6B-43EB-A9A0-0C4AB228A23C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03908" y="5796525"/>
            <a:ext cx="7569200" cy="254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TB_00000000000000000000000000000000_TimescaleInterval1">
            <a:extLst>
              <a:ext uri="{FF2B5EF4-FFF2-40B4-BE49-F238E27FC236}">
                <a16:creationId xmlns:a16="http://schemas.microsoft.com/office/drawing/2014/main" id="{2BB5E618-3AC7-4BD7-9A14-024B0C17F79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91630" y="584141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FF01FE62-E607-4B6B-B1A1-A72A4E39922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33545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FBC559B7-8226-4845-8CFC-2A47E5BD9E1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013338" y="5841413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9A3E3143-9464-43AA-89DF-1D4765E80B3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655253" y="584141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ACCB57C5-B5E8-44A2-A94F-29FC7558376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76460" y="5841413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4" name="OTLSHAPE_TB_00000000000000000000000000000000_TimescaleInterval6">
            <a:extLst>
              <a:ext uri="{FF2B5EF4-FFF2-40B4-BE49-F238E27FC236}">
                <a16:creationId xmlns:a16="http://schemas.microsoft.com/office/drawing/2014/main" id="{90153F75-1E08-47A5-AE36-6A4EB353477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918375" y="5841413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5" name="OTLSHAPE_TB_00000000000000000000000000000000_TimescaleInterval7">
            <a:extLst>
              <a:ext uri="{FF2B5EF4-FFF2-40B4-BE49-F238E27FC236}">
                <a16:creationId xmlns:a16="http://schemas.microsoft.com/office/drawing/2014/main" id="{CB604BCA-31C3-4C21-9CA5-BE281F06EB1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39582" y="5841413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" name="OTLSHAPE_TB_00000000000000000000000000000000_TimescaleInterval8">
            <a:extLst>
              <a:ext uri="{FF2B5EF4-FFF2-40B4-BE49-F238E27FC236}">
                <a16:creationId xmlns:a16="http://schemas.microsoft.com/office/drawing/2014/main" id="{40FA46D4-BB9B-4A7D-AE85-9DDD15ABFAF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181496" y="5841413"/>
            <a:ext cx="18274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E11F4D92-2F2B-4407-A9D8-8D85E4219D7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823411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" name="OTLSHAPE_TB_00000000000000000000000000000000_TimescaleInterval10">
            <a:extLst>
              <a:ext uri="{FF2B5EF4-FFF2-40B4-BE49-F238E27FC236}">
                <a16:creationId xmlns:a16="http://schemas.microsoft.com/office/drawing/2014/main" id="{92E9CBC9-DA07-45BF-B0C4-77725DCA7E5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444618" y="584141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9" name="OTLSHAPE_TB_00000000000000000000000000000000_TimescaleInterval11">
            <a:extLst>
              <a:ext uri="{FF2B5EF4-FFF2-40B4-BE49-F238E27FC236}">
                <a16:creationId xmlns:a16="http://schemas.microsoft.com/office/drawing/2014/main" id="{3564ED5A-0FA9-46A2-AB3F-1A2E4CF4EDA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086533" y="5841413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20C9E07F-D436-4442-A5BC-0DEFA1DD36A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707740" y="5841413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Segnaposto data 3">
            <a:extLst>
              <a:ext uri="{FF2B5EF4-FFF2-40B4-BE49-F238E27FC236}">
                <a16:creationId xmlns:a16="http://schemas.microsoft.com/office/drawing/2014/main" id="{7652FFE8-0298-43AE-8D35-45644D84C3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45" name="Segnaposto piè di pagina 4">
            <a:extLst>
              <a:ext uri="{FF2B5EF4-FFF2-40B4-BE49-F238E27FC236}">
                <a16:creationId xmlns:a16="http://schemas.microsoft.com/office/drawing/2014/main" id="{2A1F71DC-42A6-4789-A47D-6CFAA78BC4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46" name="Segnaposto numero diapositiva 5">
            <a:extLst>
              <a:ext uri="{FF2B5EF4-FFF2-40B4-BE49-F238E27FC236}">
                <a16:creationId xmlns:a16="http://schemas.microsoft.com/office/drawing/2014/main" id="{41EAF51F-211F-4F9A-8A19-3D5B829A71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3</a:t>
            </a:fld>
            <a:endParaRPr lang="it-IT" dirty="0"/>
          </a:p>
        </p:txBody>
      </p:sp>
      <p:sp>
        <p:nvSpPr>
          <p:cNvPr id="38" name="Pfeil: Fünfeck 37">
            <a:extLst>
              <a:ext uri="{FF2B5EF4-FFF2-40B4-BE49-F238E27FC236}">
                <a16:creationId xmlns:a16="http://schemas.microsoft.com/office/drawing/2014/main" id="{B3254066-8480-4457-A2EF-5A7B3EF92DEE}"/>
              </a:ext>
            </a:extLst>
          </p:cNvPr>
          <p:cNvSpPr/>
          <p:nvPr/>
        </p:nvSpPr>
        <p:spPr>
          <a:xfrm>
            <a:off x="631820" y="1620061"/>
            <a:ext cx="3150964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Abkommen FWF </a:t>
            </a:r>
            <a:br>
              <a:rPr lang="de-DE" dirty="0">
                <a:cs typeface="Arial" panose="020B0604020202020204" pitchFamily="34" charset="0"/>
              </a:rPr>
            </a:br>
            <a:r>
              <a:rPr lang="de-DE" dirty="0" err="1">
                <a:cs typeface="Arial" panose="020B0604020202020204" pitchFamily="34" charset="0"/>
              </a:rPr>
              <a:t>Convenzione</a:t>
            </a:r>
            <a:r>
              <a:rPr lang="de-DE" dirty="0">
                <a:cs typeface="Arial" panose="020B0604020202020204" pitchFamily="34" charset="0"/>
              </a:rPr>
              <a:t> FWF</a:t>
            </a:r>
          </a:p>
          <a:p>
            <a:r>
              <a:rPr lang="de-DE" sz="1400" dirty="0">
                <a:cs typeface="Arial" panose="020B0604020202020204" pitchFamily="34" charset="0"/>
              </a:rPr>
              <a:t>(Joint Research Projects)</a:t>
            </a:r>
          </a:p>
        </p:txBody>
      </p:sp>
      <p:sp>
        <p:nvSpPr>
          <p:cNvPr id="39" name="Pfeil: Fünfeck 38">
            <a:extLst>
              <a:ext uri="{FF2B5EF4-FFF2-40B4-BE49-F238E27FC236}">
                <a16:creationId xmlns:a16="http://schemas.microsoft.com/office/drawing/2014/main" id="{62EED1EA-E685-4098-BD5E-84880F4767BA}"/>
              </a:ext>
            </a:extLst>
          </p:cNvPr>
          <p:cNvSpPr/>
          <p:nvPr/>
        </p:nvSpPr>
        <p:spPr>
          <a:xfrm>
            <a:off x="2269488" y="2708920"/>
            <a:ext cx="6189500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Abkommen weitere Nachbarländer </a:t>
            </a:r>
            <a:r>
              <a:rPr lang="de-DE" sz="1400" dirty="0">
                <a:solidFill>
                  <a:schemeClr val="tx1"/>
                </a:solidFill>
              </a:rPr>
              <a:t>(Joint Research Projects)</a:t>
            </a:r>
          </a:p>
          <a:p>
            <a:r>
              <a:rPr lang="de-DE" dirty="0" err="1">
                <a:solidFill>
                  <a:schemeClr val="tx1"/>
                </a:solidFill>
              </a:rPr>
              <a:t>Convenzion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o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ltri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Paesi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vicini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sz="1400" dirty="0">
                <a:solidFill>
                  <a:schemeClr val="tx1"/>
                </a:solidFill>
              </a:rPr>
              <a:t>(Joint Research Projects)</a:t>
            </a:r>
          </a:p>
        </p:txBody>
      </p:sp>
      <p:sp>
        <p:nvSpPr>
          <p:cNvPr id="40" name="Pfeil: Fünfeck 39">
            <a:extLst>
              <a:ext uri="{FF2B5EF4-FFF2-40B4-BE49-F238E27FC236}">
                <a16:creationId xmlns:a16="http://schemas.microsoft.com/office/drawing/2014/main" id="{5835FDF3-E191-4AEF-99BE-EB3977B68489}"/>
              </a:ext>
            </a:extLst>
          </p:cNvPr>
          <p:cNvSpPr/>
          <p:nvPr/>
        </p:nvSpPr>
        <p:spPr>
          <a:xfrm>
            <a:off x="5436096" y="1620061"/>
            <a:ext cx="2988332" cy="846303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1. Ausschreibung mit FWF</a:t>
            </a:r>
          </a:p>
          <a:p>
            <a:r>
              <a:rPr lang="de-DE" dirty="0">
                <a:cs typeface="Arial" panose="020B0604020202020204" pitchFamily="34" charset="0"/>
              </a:rPr>
              <a:t>1° </a:t>
            </a:r>
            <a:r>
              <a:rPr lang="de-DE" dirty="0" err="1">
                <a:cs typeface="Arial" panose="020B0604020202020204" pitchFamily="34" charset="0"/>
              </a:rPr>
              <a:t>Bando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con</a:t>
            </a:r>
            <a:r>
              <a:rPr lang="de-DE" dirty="0">
                <a:cs typeface="Arial" panose="020B0604020202020204" pitchFamily="34" charset="0"/>
              </a:rPr>
              <a:t> FWF</a:t>
            </a:r>
            <a:br>
              <a:rPr lang="de-DE" dirty="0">
                <a:cs typeface="Arial" panose="020B0604020202020204" pitchFamily="34" charset="0"/>
              </a:rPr>
            </a:br>
            <a:r>
              <a:rPr lang="de-DE" sz="1400" dirty="0">
                <a:cs typeface="Arial" panose="020B0604020202020204" pitchFamily="34" charset="0"/>
              </a:rPr>
              <a:t>(Joint Research Projects)  </a:t>
            </a:r>
          </a:p>
        </p:txBody>
      </p:sp>
      <p:sp>
        <p:nvSpPr>
          <p:cNvPr id="32" name="Pfeil: Fünfeck 31">
            <a:extLst>
              <a:ext uri="{FF2B5EF4-FFF2-40B4-BE49-F238E27FC236}">
                <a16:creationId xmlns:a16="http://schemas.microsoft.com/office/drawing/2014/main" id="{056E5F25-6FB9-4F87-A600-6356F238EB6E}"/>
              </a:ext>
            </a:extLst>
          </p:cNvPr>
          <p:cNvSpPr/>
          <p:nvPr/>
        </p:nvSpPr>
        <p:spPr>
          <a:xfrm>
            <a:off x="2269488" y="3789040"/>
            <a:ext cx="6150231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Seal </a:t>
            </a:r>
            <a:r>
              <a:rPr lang="de-DE" dirty="0" err="1">
                <a:cs typeface="Arial" panose="020B0604020202020204" pitchFamily="34" charset="0"/>
              </a:rPr>
              <a:t>of</a:t>
            </a:r>
            <a:r>
              <a:rPr lang="de-DE" dirty="0">
                <a:cs typeface="Arial" panose="020B0604020202020204" pitchFamily="34" charset="0"/>
              </a:rPr>
              <a:t> Excellence</a:t>
            </a:r>
          </a:p>
        </p:txBody>
      </p:sp>
      <p:sp>
        <p:nvSpPr>
          <p:cNvPr id="33" name="Pfeil: Fünfeck 32">
            <a:extLst>
              <a:ext uri="{FF2B5EF4-FFF2-40B4-BE49-F238E27FC236}">
                <a16:creationId xmlns:a16="http://schemas.microsoft.com/office/drawing/2014/main" id="{3BF2AFAC-5CBE-4BCE-A8E4-94C026061768}"/>
              </a:ext>
            </a:extLst>
          </p:cNvPr>
          <p:cNvSpPr/>
          <p:nvPr/>
        </p:nvSpPr>
        <p:spPr>
          <a:xfrm>
            <a:off x="2269487" y="4842501"/>
            <a:ext cx="6150231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Euregio plus </a:t>
            </a:r>
          </a:p>
        </p:txBody>
      </p:sp>
    </p:spTree>
    <p:extLst>
      <p:ext uri="{BB962C8B-B14F-4D97-AF65-F5344CB8AC3E}">
        <p14:creationId xmlns:p14="http://schemas.microsoft.com/office/powerpoint/2010/main" val="30911278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07704C27-E47A-4C86-B21B-FDDDA0BC7FEF}"/>
              </a:ext>
            </a:extLst>
          </p:cNvPr>
          <p:cNvSpPr txBox="1">
            <a:spLocks/>
          </p:cNvSpPr>
          <p:nvPr/>
        </p:nvSpPr>
        <p:spPr>
          <a:xfrm>
            <a:off x="457200" y="11663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sz="2700" dirty="0">
                <a:solidFill>
                  <a:srgbClr val="C00000"/>
                </a:solidFill>
              </a:rPr>
              <a:t>Weitere laufende Aktivitäten Amt 34.2</a:t>
            </a:r>
            <a:br>
              <a:rPr lang="it-IT" sz="2700" dirty="0">
                <a:solidFill>
                  <a:srgbClr val="C00000"/>
                </a:solidFill>
              </a:rPr>
            </a:br>
            <a:r>
              <a:rPr lang="it-IT" sz="2700" dirty="0">
                <a:solidFill>
                  <a:srgbClr val="C00000"/>
                </a:solidFill>
              </a:rPr>
              <a:t>Ulteriori iniziative Ufficio 34.2</a:t>
            </a:r>
            <a:endParaRPr lang="it-IT" sz="2700" dirty="0"/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FC348782-EB6B-43EB-A9A0-0C4AB228A23C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03908" y="5796525"/>
            <a:ext cx="7569200" cy="254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TB_00000000000000000000000000000000_TimescaleInterval1">
            <a:extLst>
              <a:ext uri="{FF2B5EF4-FFF2-40B4-BE49-F238E27FC236}">
                <a16:creationId xmlns:a16="http://schemas.microsoft.com/office/drawing/2014/main" id="{2BB5E618-3AC7-4BD7-9A14-024B0C17F79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91630" y="584141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FF01FE62-E607-4B6B-B1A1-A72A4E39922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33545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FBC559B7-8226-4845-8CFC-2A47E5BD9E1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013338" y="5841413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9A3E3143-9464-43AA-89DF-1D4765E80B3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655253" y="584141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ACCB57C5-B5E8-44A2-A94F-29FC7558376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76460" y="5841413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4" name="OTLSHAPE_TB_00000000000000000000000000000000_TimescaleInterval6">
            <a:extLst>
              <a:ext uri="{FF2B5EF4-FFF2-40B4-BE49-F238E27FC236}">
                <a16:creationId xmlns:a16="http://schemas.microsoft.com/office/drawing/2014/main" id="{90153F75-1E08-47A5-AE36-6A4EB353477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918375" y="5841413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5" name="OTLSHAPE_TB_00000000000000000000000000000000_TimescaleInterval7">
            <a:extLst>
              <a:ext uri="{FF2B5EF4-FFF2-40B4-BE49-F238E27FC236}">
                <a16:creationId xmlns:a16="http://schemas.microsoft.com/office/drawing/2014/main" id="{CB604BCA-31C3-4C21-9CA5-BE281F06EB1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39582" y="5841413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" name="OTLSHAPE_TB_00000000000000000000000000000000_TimescaleInterval8">
            <a:extLst>
              <a:ext uri="{FF2B5EF4-FFF2-40B4-BE49-F238E27FC236}">
                <a16:creationId xmlns:a16="http://schemas.microsoft.com/office/drawing/2014/main" id="{40FA46D4-BB9B-4A7D-AE85-9DDD15ABFAF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181496" y="5841413"/>
            <a:ext cx="18274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E11F4D92-2F2B-4407-A9D8-8D85E4219D7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823411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" name="OTLSHAPE_TB_00000000000000000000000000000000_TimescaleInterval10">
            <a:extLst>
              <a:ext uri="{FF2B5EF4-FFF2-40B4-BE49-F238E27FC236}">
                <a16:creationId xmlns:a16="http://schemas.microsoft.com/office/drawing/2014/main" id="{92E9CBC9-DA07-45BF-B0C4-77725DCA7E5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444618" y="584141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9" name="OTLSHAPE_TB_00000000000000000000000000000000_TimescaleInterval11">
            <a:extLst>
              <a:ext uri="{FF2B5EF4-FFF2-40B4-BE49-F238E27FC236}">
                <a16:creationId xmlns:a16="http://schemas.microsoft.com/office/drawing/2014/main" id="{3564ED5A-0FA9-46A2-AB3F-1A2E4CF4EDA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086533" y="5841413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20C9E07F-D436-4442-A5BC-0DEFA1DD36A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707740" y="5841413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Segnaposto data 3">
            <a:extLst>
              <a:ext uri="{FF2B5EF4-FFF2-40B4-BE49-F238E27FC236}">
                <a16:creationId xmlns:a16="http://schemas.microsoft.com/office/drawing/2014/main" id="{7652FFE8-0298-43AE-8D35-45644D84C3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45" name="Segnaposto piè di pagina 4">
            <a:extLst>
              <a:ext uri="{FF2B5EF4-FFF2-40B4-BE49-F238E27FC236}">
                <a16:creationId xmlns:a16="http://schemas.microsoft.com/office/drawing/2014/main" id="{2A1F71DC-42A6-4789-A47D-6CFAA78BC4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46" name="Segnaposto numero diapositiva 5">
            <a:extLst>
              <a:ext uri="{FF2B5EF4-FFF2-40B4-BE49-F238E27FC236}">
                <a16:creationId xmlns:a16="http://schemas.microsoft.com/office/drawing/2014/main" id="{41EAF51F-211F-4F9A-8A19-3D5B829A71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4</a:t>
            </a:fld>
            <a:endParaRPr lang="it-IT" dirty="0"/>
          </a:p>
        </p:txBody>
      </p:sp>
      <p:sp>
        <p:nvSpPr>
          <p:cNvPr id="36" name="Pfeil: Fünfeck 35">
            <a:extLst>
              <a:ext uri="{FF2B5EF4-FFF2-40B4-BE49-F238E27FC236}">
                <a16:creationId xmlns:a16="http://schemas.microsoft.com/office/drawing/2014/main" id="{D04EFC32-96EE-4840-BBDF-82B5D769F222}"/>
              </a:ext>
            </a:extLst>
          </p:cNvPr>
          <p:cNvSpPr/>
          <p:nvPr/>
        </p:nvSpPr>
        <p:spPr>
          <a:xfrm>
            <a:off x="1331640" y="1340768"/>
            <a:ext cx="5754893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Open Access</a:t>
            </a:r>
          </a:p>
        </p:txBody>
      </p:sp>
      <p:sp>
        <p:nvSpPr>
          <p:cNvPr id="31" name="Pfeil: Fünfeck 30">
            <a:extLst>
              <a:ext uri="{FF2B5EF4-FFF2-40B4-BE49-F238E27FC236}">
                <a16:creationId xmlns:a16="http://schemas.microsoft.com/office/drawing/2014/main" id="{C41833A7-8AF7-44A8-B725-F250866E0E89}"/>
              </a:ext>
            </a:extLst>
          </p:cNvPr>
          <p:cNvSpPr/>
          <p:nvPr/>
        </p:nvSpPr>
        <p:spPr>
          <a:xfrm>
            <a:off x="2013338" y="2492896"/>
            <a:ext cx="5544616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Mobilität der Forscher</a:t>
            </a:r>
          </a:p>
          <a:p>
            <a:r>
              <a:rPr lang="de-DE" dirty="0" err="1">
                <a:solidFill>
                  <a:schemeClr val="tx1"/>
                </a:solidFill>
              </a:rPr>
              <a:t>Mobilità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dei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icercatori</a:t>
            </a:r>
            <a:endParaRPr lang="de-DE" dirty="0">
              <a:solidFill>
                <a:schemeClr val="tx1"/>
              </a:solidFill>
            </a:endParaRPr>
          </a:p>
        </p:txBody>
      </p:sp>
      <p:sp>
        <p:nvSpPr>
          <p:cNvPr id="32" name="Pfeil: Fünfeck 31">
            <a:extLst>
              <a:ext uri="{FF2B5EF4-FFF2-40B4-BE49-F238E27FC236}">
                <a16:creationId xmlns:a16="http://schemas.microsoft.com/office/drawing/2014/main" id="{1272961E-DE78-4877-990C-85C976B5F284}"/>
              </a:ext>
            </a:extLst>
          </p:cNvPr>
          <p:cNvSpPr/>
          <p:nvPr/>
        </p:nvSpPr>
        <p:spPr>
          <a:xfrm>
            <a:off x="703908" y="3609218"/>
            <a:ext cx="6854046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EFRE-Ausschreibungen</a:t>
            </a:r>
          </a:p>
          <a:p>
            <a:r>
              <a:rPr lang="de-DE" dirty="0" err="1">
                <a:cs typeface="Arial" panose="020B0604020202020204" pitchFamily="34" charset="0"/>
              </a:rPr>
              <a:t>Bandi</a:t>
            </a:r>
            <a:r>
              <a:rPr lang="de-DE" dirty="0">
                <a:cs typeface="Arial" panose="020B0604020202020204" pitchFamily="34" charset="0"/>
              </a:rPr>
              <a:t> FESR</a:t>
            </a:r>
          </a:p>
        </p:txBody>
      </p:sp>
      <p:sp>
        <p:nvSpPr>
          <p:cNvPr id="33" name="Pfeil: Fünfeck 32">
            <a:extLst>
              <a:ext uri="{FF2B5EF4-FFF2-40B4-BE49-F238E27FC236}">
                <a16:creationId xmlns:a16="http://schemas.microsoft.com/office/drawing/2014/main" id="{58A61C64-9BDC-4097-878B-071528B5EB68}"/>
              </a:ext>
            </a:extLst>
          </p:cNvPr>
          <p:cNvSpPr/>
          <p:nvPr/>
        </p:nvSpPr>
        <p:spPr>
          <a:xfrm>
            <a:off x="703908" y="4747111"/>
            <a:ext cx="7549350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Monitoring/Abrechnung frühere Forschungsprojekte</a:t>
            </a:r>
          </a:p>
          <a:p>
            <a:r>
              <a:rPr lang="de-DE" dirty="0" err="1">
                <a:solidFill>
                  <a:schemeClr val="tx1"/>
                </a:solidFill>
              </a:rPr>
              <a:t>Monitoraggio</a:t>
            </a:r>
            <a:r>
              <a:rPr lang="de-DE" dirty="0">
                <a:solidFill>
                  <a:schemeClr val="tx1"/>
                </a:solidFill>
              </a:rPr>
              <a:t>/</a:t>
            </a:r>
            <a:r>
              <a:rPr lang="de-DE" dirty="0" err="1">
                <a:solidFill>
                  <a:schemeClr val="tx1"/>
                </a:solidFill>
              </a:rPr>
              <a:t>chiusura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progetti</a:t>
            </a:r>
            <a:r>
              <a:rPr lang="de-DE" dirty="0">
                <a:solidFill>
                  <a:schemeClr val="tx1"/>
                </a:solidFill>
              </a:rPr>
              <a:t> di ricerca </a:t>
            </a:r>
            <a:r>
              <a:rPr lang="de-DE" dirty="0" err="1">
                <a:solidFill>
                  <a:schemeClr val="tx1"/>
                </a:solidFill>
              </a:rPr>
              <a:t>passati</a:t>
            </a:r>
            <a:endParaRPr lang="de-DE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3412237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07704C27-E47A-4C86-B21B-FDDDA0BC7FEF}"/>
              </a:ext>
            </a:extLst>
          </p:cNvPr>
          <p:cNvSpPr txBox="1">
            <a:spLocks/>
          </p:cNvSpPr>
          <p:nvPr/>
        </p:nvSpPr>
        <p:spPr>
          <a:xfrm>
            <a:off x="457200" y="11663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sz="2700" dirty="0">
                <a:solidFill>
                  <a:srgbClr val="C00000"/>
                </a:solidFill>
              </a:rPr>
              <a:t>Weitere laufende Aktivitäten Amt 34.2</a:t>
            </a:r>
            <a:br>
              <a:rPr lang="it-IT" sz="2700" dirty="0">
                <a:solidFill>
                  <a:srgbClr val="C00000"/>
                </a:solidFill>
              </a:rPr>
            </a:br>
            <a:r>
              <a:rPr lang="it-IT" sz="2700" dirty="0">
                <a:solidFill>
                  <a:srgbClr val="C00000"/>
                </a:solidFill>
              </a:rPr>
              <a:t>Ulteriori iniziative Ufficio 34.2</a:t>
            </a:r>
            <a:endParaRPr lang="it-IT" sz="2700" dirty="0"/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FC348782-EB6B-43EB-A9A0-0C4AB228A23C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03908" y="5796525"/>
            <a:ext cx="7569200" cy="254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TB_00000000000000000000000000000000_TimescaleInterval1">
            <a:extLst>
              <a:ext uri="{FF2B5EF4-FFF2-40B4-BE49-F238E27FC236}">
                <a16:creationId xmlns:a16="http://schemas.microsoft.com/office/drawing/2014/main" id="{2BB5E618-3AC7-4BD7-9A14-024B0C17F79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91630" y="584141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FF01FE62-E607-4B6B-B1A1-A72A4E39922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33545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FBC559B7-8226-4845-8CFC-2A47E5BD9E1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013338" y="5841413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9A3E3143-9464-43AA-89DF-1D4765E80B3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655253" y="584141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ACCB57C5-B5E8-44A2-A94F-29FC7558376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76460" y="5841413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4" name="OTLSHAPE_TB_00000000000000000000000000000000_TimescaleInterval6">
            <a:extLst>
              <a:ext uri="{FF2B5EF4-FFF2-40B4-BE49-F238E27FC236}">
                <a16:creationId xmlns:a16="http://schemas.microsoft.com/office/drawing/2014/main" id="{90153F75-1E08-47A5-AE36-6A4EB353477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918375" y="5841413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5" name="OTLSHAPE_TB_00000000000000000000000000000000_TimescaleInterval7">
            <a:extLst>
              <a:ext uri="{FF2B5EF4-FFF2-40B4-BE49-F238E27FC236}">
                <a16:creationId xmlns:a16="http://schemas.microsoft.com/office/drawing/2014/main" id="{CB604BCA-31C3-4C21-9CA5-BE281F06EB1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39582" y="5841413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" name="OTLSHAPE_TB_00000000000000000000000000000000_TimescaleInterval8">
            <a:extLst>
              <a:ext uri="{FF2B5EF4-FFF2-40B4-BE49-F238E27FC236}">
                <a16:creationId xmlns:a16="http://schemas.microsoft.com/office/drawing/2014/main" id="{40FA46D4-BB9B-4A7D-AE85-9DDD15ABFAF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181496" y="5841413"/>
            <a:ext cx="18274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E11F4D92-2F2B-4407-A9D8-8D85E4219D7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823411" y="5841413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" name="OTLSHAPE_TB_00000000000000000000000000000000_TimescaleInterval10">
            <a:extLst>
              <a:ext uri="{FF2B5EF4-FFF2-40B4-BE49-F238E27FC236}">
                <a16:creationId xmlns:a16="http://schemas.microsoft.com/office/drawing/2014/main" id="{92E9CBC9-DA07-45BF-B0C4-77725DCA7E5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444618" y="584141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9" name="OTLSHAPE_TB_00000000000000000000000000000000_TimescaleInterval11">
            <a:extLst>
              <a:ext uri="{FF2B5EF4-FFF2-40B4-BE49-F238E27FC236}">
                <a16:creationId xmlns:a16="http://schemas.microsoft.com/office/drawing/2014/main" id="{3564ED5A-0FA9-46A2-AB3F-1A2E4CF4EDA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086533" y="5841413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20C9E07F-D436-4442-A5BC-0DEFA1DD36A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707740" y="5841413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Segnaposto data 3">
            <a:extLst>
              <a:ext uri="{FF2B5EF4-FFF2-40B4-BE49-F238E27FC236}">
                <a16:creationId xmlns:a16="http://schemas.microsoft.com/office/drawing/2014/main" id="{7652FFE8-0298-43AE-8D35-45644D84C3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45" name="Segnaposto piè di pagina 4">
            <a:extLst>
              <a:ext uri="{FF2B5EF4-FFF2-40B4-BE49-F238E27FC236}">
                <a16:creationId xmlns:a16="http://schemas.microsoft.com/office/drawing/2014/main" id="{2A1F71DC-42A6-4789-A47D-6CFAA78BC4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46" name="Segnaposto numero diapositiva 5">
            <a:extLst>
              <a:ext uri="{FF2B5EF4-FFF2-40B4-BE49-F238E27FC236}">
                <a16:creationId xmlns:a16="http://schemas.microsoft.com/office/drawing/2014/main" id="{41EAF51F-211F-4F9A-8A19-3D5B829A71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5</a:t>
            </a:fld>
            <a:endParaRPr lang="it-IT" dirty="0"/>
          </a:p>
        </p:txBody>
      </p:sp>
      <p:sp>
        <p:nvSpPr>
          <p:cNvPr id="31" name="Pfeil: Fünfeck 30">
            <a:extLst>
              <a:ext uri="{FF2B5EF4-FFF2-40B4-BE49-F238E27FC236}">
                <a16:creationId xmlns:a16="http://schemas.microsoft.com/office/drawing/2014/main" id="{C41833A7-8AF7-44A8-B725-F250866E0E89}"/>
              </a:ext>
            </a:extLst>
          </p:cNvPr>
          <p:cNvSpPr/>
          <p:nvPr/>
        </p:nvSpPr>
        <p:spPr>
          <a:xfrm>
            <a:off x="1835696" y="2780928"/>
            <a:ext cx="6417562" cy="846000"/>
          </a:xfrm>
          <a:prstGeom prst="homePlate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dirty="0">
                <a:solidFill>
                  <a:schemeClr val="tx1"/>
                </a:solidFill>
              </a:rPr>
              <a:t>Leistungsvereinbarungen (Erneuerung EURAC, IIT, Fraunhofer)</a:t>
            </a:r>
          </a:p>
          <a:p>
            <a:r>
              <a:rPr lang="de-DE" dirty="0" err="1">
                <a:solidFill>
                  <a:schemeClr val="tx1"/>
                </a:solidFill>
              </a:rPr>
              <a:t>Convenzioni</a:t>
            </a:r>
            <a:r>
              <a:rPr lang="de-DE" dirty="0">
                <a:solidFill>
                  <a:schemeClr val="tx1"/>
                </a:solidFill>
              </a:rPr>
              <a:t> (</a:t>
            </a:r>
            <a:r>
              <a:rPr lang="de-DE" dirty="0" err="1">
                <a:solidFill>
                  <a:schemeClr val="tx1"/>
                </a:solidFill>
              </a:rPr>
              <a:t>rinnovo</a:t>
            </a:r>
            <a:r>
              <a:rPr lang="de-DE" dirty="0">
                <a:solidFill>
                  <a:schemeClr val="tx1"/>
                </a:solidFill>
              </a:rPr>
              <a:t> EURAC, IIT, Fraunhofer)</a:t>
            </a:r>
          </a:p>
        </p:txBody>
      </p:sp>
      <p:sp>
        <p:nvSpPr>
          <p:cNvPr id="32" name="Pfeil: Fünfeck 31">
            <a:extLst>
              <a:ext uri="{FF2B5EF4-FFF2-40B4-BE49-F238E27FC236}">
                <a16:creationId xmlns:a16="http://schemas.microsoft.com/office/drawing/2014/main" id="{1272961E-DE78-4877-990C-85C976B5F284}"/>
              </a:ext>
            </a:extLst>
          </p:cNvPr>
          <p:cNvSpPr/>
          <p:nvPr/>
        </p:nvSpPr>
        <p:spPr>
          <a:xfrm>
            <a:off x="1835695" y="4005064"/>
            <a:ext cx="6427487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 err="1">
                <a:cs typeface="Arial" panose="020B0604020202020204" pitchFamily="34" charset="0"/>
              </a:rPr>
              <a:t>Capacity</a:t>
            </a:r>
            <a:r>
              <a:rPr lang="de-DE" dirty="0">
                <a:cs typeface="Arial" panose="020B0604020202020204" pitchFamily="34" charset="0"/>
              </a:rPr>
              <a:t> Building 2</a:t>
            </a:r>
          </a:p>
        </p:txBody>
      </p:sp>
      <p:sp>
        <p:nvSpPr>
          <p:cNvPr id="33" name="Pfeil: Fünfeck 32">
            <a:extLst>
              <a:ext uri="{FF2B5EF4-FFF2-40B4-BE49-F238E27FC236}">
                <a16:creationId xmlns:a16="http://schemas.microsoft.com/office/drawing/2014/main" id="{13704C87-F80E-4635-ACC8-65C6B8632CF2}"/>
              </a:ext>
            </a:extLst>
          </p:cNvPr>
          <p:cNvSpPr/>
          <p:nvPr/>
        </p:nvSpPr>
        <p:spPr>
          <a:xfrm>
            <a:off x="720903" y="1583387"/>
            <a:ext cx="3214468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Südtiroler Forschungspreis</a:t>
            </a:r>
          </a:p>
          <a:p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Premio di ricerca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dell´Alto</a:t>
            </a:r>
            <a:r>
              <a:rPr lang="de-DE" dirty="0">
                <a:solidFill>
                  <a:schemeClr val="tx1"/>
                </a:solidFill>
                <a:cs typeface="Arial" panose="020B0604020202020204" pitchFamily="34" charset="0"/>
              </a:rPr>
              <a:t> </a:t>
            </a:r>
            <a:r>
              <a:rPr lang="de-DE" dirty="0" err="1">
                <a:solidFill>
                  <a:schemeClr val="tx1"/>
                </a:solidFill>
                <a:cs typeface="Arial" panose="020B0604020202020204" pitchFamily="34" charset="0"/>
              </a:rPr>
              <a:t>Adige</a:t>
            </a:r>
            <a:endParaRPr lang="de-DE" dirty="0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  <p:sp>
        <p:nvSpPr>
          <p:cNvPr id="34" name="Pfeil: Fünfeck 33">
            <a:extLst>
              <a:ext uri="{FF2B5EF4-FFF2-40B4-BE49-F238E27FC236}">
                <a16:creationId xmlns:a16="http://schemas.microsoft.com/office/drawing/2014/main" id="{2F54285A-9D9D-42DA-A400-3F7CE7B5F708}"/>
              </a:ext>
            </a:extLst>
          </p:cNvPr>
          <p:cNvSpPr/>
          <p:nvPr/>
        </p:nvSpPr>
        <p:spPr>
          <a:xfrm>
            <a:off x="4094069" y="1574755"/>
            <a:ext cx="4018182" cy="846000"/>
          </a:xfrm>
          <a:prstGeom prst="homePlate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dirty="0">
                <a:cs typeface="Arial" panose="020B0604020202020204" pitchFamily="34" charset="0"/>
              </a:rPr>
              <a:t>Südtiroler Wissenschaftspreis</a:t>
            </a:r>
          </a:p>
          <a:p>
            <a:r>
              <a:rPr lang="de-DE" dirty="0">
                <a:cs typeface="Arial" panose="020B0604020202020204" pitchFamily="34" charset="0"/>
              </a:rPr>
              <a:t>Premio </a:t>
            </a:r>
            <a:r>
              <a:rPr lang="de-DE" dirty="0" err="1">
                <a:cs typeface="Arial" panose="020B0604020202020204" pitchFamily="34" charset="0"/>
              </a:rPr>
              <a:t>scientifico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dell´Alto</a:t>
            </a:r>
            <a:r>
              <a:rPr lang="de-DE" dirty="0">
                <a:cs typeface="Arial" panose="020B0604020202020204" pitchFamily="34" charset="0"/>
              </a:rPr>
              <a:t> </a:t>
            </a:r>
            <a:r>
              <a:rPr lang="de-DE" dirty="0" err="1">
                <a:cs typeface="Arial" panose="020B0604020202020204" pitchFamily="34" charset="0"/>
              </a:rPr>
              <a:t>Adige</a:t>
            </a:r>
            <a:endParaRPr lang="de-DE" dirty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7169042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70936064-8EB3-4F31-B725-736645E64283}"/>
              </a:ext>
            </a:extLst>
          </p:cNvPr>
          <p:cNvSpPr txBox="1">
            <a:spLocks/>
          </p:cNvSpPr>
          <p:nvPr/>
        </p:nvSpPr>
        <p:spPr>
          <a:xfrm>
            <a:off x="457200" y="26977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5000" lnSpcReduction="2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dirty="0">
                <a:solidFill>
                  <a:srgbClr val="C00000"/>
                </a:solidFill>
              </a:rPr>
              <a:t>34.1 Amt Innovation und Technologie</a:t>
            </a:r>
          </a:p>
          <a:p>
            <a:r>
              <a:rPr lang="de-DE" dirty="0">
                <a:solidFill>
                  <a:srgbClr val="C00000"/>
                </a:solidFill>
              </a:rPr>
              <a:t>34.1 Ufficio Innovazione e </a:t>
            </a:r>
            <a:r>
              <a:rPr lang="de-DE" dirty="0" err="1">
                <a:solidFill>
                  <a:srgbClr val="C00000"/>
                </a:solidFill>
              </a:rPr>
              <a:t>tecnologia</a:t>
            </a:r>
            <a:br>
              <a:rPr lang="de-DE" dirty="0"/>
            </a:br>
            <a:endParaRPr lang="it-IT" dirty="0"/>
          </a:p>
        </p:txBody>
      </p:sp>
      <p:grpSp>
        <p:nvGrpSpPr>
          <p:cNvPr id="18" name="Gruppieren 17">
            <a:extLst>
              <a:ext uri="{FF2B5EF4-FFF2-40B4-BE49-F238E27FC236}">
                <a16:creationId xmlns:a16="http://schemas.microsoft.com/office/drawing/2014/main" id="{C57FEB7F-7540-4173-BD23-7B319E82F772}"/>
              </a:ext>
            </a:extLst>
          </p:cNvPr>
          <p:cNvGrpSpPr/>
          <p:nvPr/>
        </p:nvGrpSpPr>
        <p:grpSpPr>
          <a:xfrm>
            <a:off x="492598" y="1290904"/>
            <a:ext cx="4007394" cy="4862660"/>
            <a:chOff x="492598" y="1352592"/>
            <a:chExt cx="4007394" cy="4758512"/>
          </a:xfrm>
        </p:grpSpPr>
        <p:sp>
          <p:nvSpPr>
            <p:cNvPr id="19" name="Freihandform: Form 18">
              <a:extLst>
                <a:ext uri="{FF2B5EF4-FFF2-40B4-BE49-F238E27FC236}">
                  <a16:creationId xmlns:a16="http://schemas.microsoft.com/office/drawing/2014/main" id="{1BB96EFF-1989-4CC6-A822-65ED6BFF814B}"/>
                </a:ext>
              </a:extLst>
            </p:cNvPr>
            <p:cNvSpPr/>
            <p:nvPr/>
          </p:nvSpPr>
          <p:spPr>
            <a:xfrm>
              <a:off x="492598" y="1352592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örderung der Innovation, Stärkung des Innovationsstandortes Südtirol</a:t>
              </a:r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AEE5DCA-3C37-424C-9BE6-E35CEC3AE55B}"/>
                </a:ext>
              </a:extLst>
            </p:cNvPr>
            <p:cNvSpPr/>
            <p:nvPr/>
          </p:nvSpPr>
          <p:spPr>
            <a:xfrm>
              <a:off x="492598" y="1881792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orschungs- und Entwicklungsprojekte</a:t>
              </a:r>
            </a:p>
          </p:txBody>
        </p:sp>
        <p:sp>
          <p:nvSpPr>
            <p:cNvPr id="21" name="Freihandform: Form 20">
              <a:extLst>
                <a:ext uri="{FF2B5EF4-FFF2-40B4-BE49-F238E27FC236}">
                  <a16:creationId xmlns:a16="http://schemas.microsoft.com/office/drawing/2014/main" id="{9C0BF85B-9DC8-47C4-AB81-E29FFD6AE9A6}"/>
                </a:ext>
              </a:extLst>
            </p:cNvPr>
            <p:cNvSpPr/>
            <p:nvPr/>
          </p:nvSpPr>
          <p:spPr>
            <a:xfrm>
              <a:off x="492598" y="2410992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prstClr val="black"/>
                  </a:solidFill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Prozess- und Organisationsinnovation</a:t>
              </a:r>
            </a:p>
          </p:txBody>
        </p:sp>
        <p:sp>
          <p:nvSpPr>
            <p:cNvPr id="22" name="Freihandform: Form 21">
              <a:extLst>
                <a:ext uri="{FF2B5EF4-FFF2-40B4-BE49-F238E27FC236}">
                  <a16:creationId xmlns:a16="http://schemas.microsoft.com/office/drawing/2014/main" id="{E49B20C9-62CA-4D36-9876-48BE08516FB5}"/>
                </a:ext>
              </a:extLst>
            </p:cNvPr>
            <p:cNvSpPr/>
            <p:nvPr/>
          </p:nvSpPr>
          <p:spPr>
            <a:xfrm>
              <a:off x="492598" y="2940192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Durchführbarkeitsstudien und gewerbliche Schutzrechte </a:t>
              </a:r>
            </a:p>
          </p:txBody>
        </p:sp>
        <p:sp>
          <p:nvSpPr>
            <p:cNvPr id="23" name="Freihandform: Form 22">
              <a:extLst>
                <a:ext uri="{FF2B5EF4-FFF2-40B4-BE49-F238E27FC236}">
                  <a16:creationId xmlns:a16="http://schemas.microsoft.com/office/drawing/2014/main" id="{52A6C838-152F-473E-AA4A-CCD1075BE6BD}"/>
                </a:ext>
              </a:extLst>
            </p:cNvPr>
            <p:cNvSpPr/>
            <p:nvPr/>
          </p:nvSpPr>
          <p:spPr>
            <a:xfrm>
              <a:off x="492598" y="3469392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4660" tIns="74660" rIns="74660" bIns="74660" numCol="1" spcCol="1270" anchor="ctr" anchorCtr="0">
              <a:noAutofit/>
            </a:bodyPr>
            <a:lstStyle/>
            <a:p>
              <a:pPr marL="0" lvl="0" indent="0" algn="l" defTabSz="57785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3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Beratung, Weiterbildung, Wissensvermittlung, Innovationsberatungsdienste, Managementsysteme</a:t>
              </a:r>
            </a:p>
          </p:txBody>
        </p:sp>
        <p:sp>
          <p:nvSpPr>
            <p:cNvPr id="24" name="Freihandform: Form 23">
              <a:extLst>
                <a:ext uri="{FF2B5EF4-FFF2-40B4-BE49-F238E27FC236}">
                  <a16:creationId xmlns:a16="http://schemas.microsoft.com/office/drawing/2014/main" id="{00A1A0B8-BE0D-47CD-B0FA-F97E0C3ADA5E}"/>
                </a:ext>
              </a:extLst>
            </p:cNvPr>
            <p:cNvSpPr/>
            <p:nvPr/>
          </p:nvSpPr>
          <p:spPr>
            <a:xfrm>
              <a:off x="492598" y="3998593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novative Start-ups</a:t>
              </a:r>
            </a:p>
          </p:txBody>
        </p:sp>
        <p:sp>
          <p:nvSpPr>
            <p:cNvPr id="25" name="Freihandform: Form 24">
              <a:extLst>
                <a:ext uri="{FF2B5EF4-FFF2-40B4-BE49-F238E27FC236}">
                  <a16:creationId xmlns:a16="http://schemas.microsoft.com/office/drawing/2014/main" id="{9AA600B6-44B5-4045-9DE4-94E42A95EA53}"/>
                </a:ext>
              </a:extLst>
            </p:cNvPr>
            <p:cNvSpPr/>
            <p:nvPr/>
          </p:nvSpPr>
          <p:spPr>
            <a:xfrm>
              <a:off x="492598" y="4527793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Hochqualifiziertes Personal</a:t>
              </a:r>
            </a:p>
          </p:txBody>
        </p:sp>
        <p:sp>
          <p:nvSpPr>
            <p:cNvPr id="26" name="Freihandform: Form 25">
              <a:extLst>
                <a:ext uri="{FF2B5EF4-FFF2-40B4-BE49-F238E27FC236}">
                  <a16:creationId xmlns:a16="http://schemas.microsoft.com/office/drawing/2014/main" id="{06C9D869-6D5E-416A-A586-89ADA626383C}"/>
                </a:ext>
              </a:extLst>
            </p:cNvPr>
            <p:cNvSpPr/>
            <p:nvPr/>
          </p:nvSpPr>
          <p:spPr>
            <a:xfrm>
              <a:off x="492598" y="5056993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novationscluster</a:t>
              </a:r>
            </a:p>
          </p:txBody>
        </p:sp>
        <p:sp>
          <p:nvSpPr>
            <p:cNvPr id="27" name="Freihandform: Form 26">
              <a:extLst>
                <a:ext uri="{FF2B5EF4-FFF2-40B4-BE49-F238E27FC236}">
                  <a16:creationId xmlns:a16="http://schemas.microsoft.com/office/drawing/2014/main" id="{924996BA-97EA-4B06-AB79-E51FD6B1F992}"/>
                </a:ext>
              </a:extLst>
            </p:cNvPr>
            <p:cNvSpPr/>
            <p:nvPr/>
          </p:nvSpPr>
          <p:spPr>
            <a:xfrm>
              <a:off x="492598" y="5586193"/>
              <a:ext cx="4007394" cy="524911"/>
            </a:xfrm>
            <a:custGeom>
              <a:avLst/>
              <a:gdLst>
                <a:gd name="connsiteX0" fmla="*/ 0 w 4007394"/>
                <a:gd name="connsiteY0" fmla="*/ 85802 h 514800"/>
                <a:gd name="connsiteX1" fmla="*/ 85802 w 4007394"/>
                <a:gd name="connsiteY1" fmla="*/ 0 h 514800"/>
                <a:gd name="connsiteX2" fmla="*/ 3921592 w 4007394"/>
                <a:gd name="connsiteY2" fmla="*/ 0 h 514800"/>
                <a:gd name="connsiteX3" fmla="*/ 4007394 w 4007394"/>
                <a:gd name="connsiteY3" fmla="*/ 85802 h 514800"/>
                <a:gd name="connsiteX4" fmla="*/ 4007394 w 4007394"/>
                <a:gd name="connsiteY4" fmla="*/ 428998 h 514800"/>
                <a:gd name="connsiteX5" fmla="*/ 3921592 w 4007394"/>
                <a:gd name="connsiteY5" fmla="*/ 514800 h 514800"/>
                <a:gd name="connsiteX6" fmla="*/ 85802 w 4007394"/>
                <a:gd name="connsiteY6" fmla="*/ 514800 h 514800"/>
                <a:gd name="connsiteX7" fmla="*/ 0 w 4007394"/>
                <a:gd name="connsiteY7" fmla="*/ 428998 h 514800"/>
                <a:gd name="connsiteX8" fmla="*/ 0 w 4007394"/>
                <a:gd name="connsiteY8" fmla="*/ 85802 h 514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007394" h="514800">
                  <a:moveTo>
                    <a:pt x="0" y="85802"/>
                  </a:moveTo>
                  <a:cubicBezTo>
                    <a:pt x="0" y="38415"/>
                    <a:pt x="38415" y="0"/>
                    <a:pt x="85802" y="0"/>
                  </a:cubicBezTo>
                  <a:lnTo>
                    <a:pt x="3921592" y="0"/>
                  </a:lnTo>
                  <a:cubicBezTo>
                    <a:pt x="3968979" y="0"/>
                    <a:pt x="4007394" y="38415"/>
                    <a:pt x="4007394" y="85802"/>
                  </a:cubicBezTo>
                  <a:lnTo>
                    <a:pt x="4007394" y="428998"/>
                  </a:lnTo>
                  <a:cubicBezTo>
                    <a:pt x="4007394" y="476385"/>
                    <a:pt x="3968979" y="514800"/>
                    <a:pt x="3921592" y="514800"/>
                  </a:cubicBezTo>
                  <a:lnTo>
                    <a:pt x="85802" y="514800"/>
                  </a:lnTo>
                  <a:cubicBezTo>
                    <a:pt x="38415" y="514800"/>
                    <a:pt x="0" y="476385"/>
                    <a:pt x="0" y="428998"/>
                  </a:cubicBezTo>
                  <a:lnTo>
                    <a:pt x="0" y="8580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8470" tIns="78470" rIns="78470" bIns="78470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arantiegenossenschaften</a:t>
              </a:r>
            </a:p>
          </p:txBody>
        </p:sp>
      </p:grp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43FA3B70-AEC4-487B-946B-F73CD158F28E}"/>
              </a:ext>
            </a:extLst>
          </p:cNvPr>
          <p:cNvGrpSpPr/>
          <p:nvPr/>
        </p:nvGrpSpPr>
        <p:grpSpPr>
          <a:xfrm>
            <a:off x="4499992" y="1299990"/>
            <a:ext cx="4335908" cy="4856261"/>
            <a:chOff x="4499992" y="1299990"/>
            <a:chExt cx="4335908" cy="4856261"/>
          </a:xfrm>
        </p:grpSpPr>
        <p:sp>
          <p:nvSpPr>
            <p:cNvPr id="4" name="Freihandform: Form 3">
              <a:extLst>
                <a:ext uri="{FF2B5EF4-FFF2-40B4-BE49-F238E27FC236}">
                  <a16:creationId xmlns:a16="http://schemas.microsoft.com/office/drawing/2014/main" id="{7F9037D6-C039-4866-96FE-146AB4DB339C}"/>
                </a:ext>
              </a:extLst>
            </p:cNvPr>
            <p:cNvSpPr/>
            <p:nvPr/>
          </p:nvSpPr>
          <p:spPr>
            <a:xfrm>
              <a:off x="4499992" y="1299990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ostegno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dell´innovazione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,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rafforzamento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dell´innovazione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in Alto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dige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0" name="Freihandform: Form 9">
              <a:extLst>
                <a:ext uri="{FF2B5EF4-FFF2-40B4-BE49-F238E27FC236}">
                  <a16:creationId xmlns:a16="http://schemas.microsoft.com/office/drawing/2014/main" id="{73F4F4C2-471E-4840-A953-27EC53296D58}"/>
                </a:ext>
              </a:extLst>
            </p:cNvPr>
            <p:cNvSpPr/>
            <p:nvPr/>
          </p:nvSpPr>
          <p:spPr>
            <a:xfrm>
              <a:off x="4499992" y="1842083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ogetti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di ricerca e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viluppo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1" name="Freihandform: Form 10">
              <a:extLst>
                <a:ext uri="{FF2B5EF4-FFF2-40B4-BE49-F238E27FC236}">
                  <a16:creationId xmlns:a16="http://schemas.microsoft.com/office/drawing/2014/main" id="{AF19E208-B888-43CA-BFC4-4DF1338F8D24}"/>
                </a:ext>
              </a:extLst>
            </p:cNvPr>
            <p:cNvSpPr/>
            <p:nvPr/>
          </p:nvSpPr>
          <p:spPr>
            <a:xfrm>
              <a:off x="4499992" y="2384175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novazione di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ocesso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e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dell´organizzazione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2" name="Freihandform: Form 11">
              <a:extLst>
                <a:ext uri="{FF2B5EF4-FFF2-40B4-BE49-F238E27FC236}">
                  <a16:creationId xmlns:a16="http://schemas.microsoft.com/office/drawing/2014/main" id="{21E87B19-5E1A-4662-AEE7-3D22B612C14A}"/>
                </a:ext>
              </a:extLst>
            </p:cNvPr>
            <p:cNvSpPr/>
            <p:nvPr/>
          </p:nvSpPr>
          <p:spPr>
            <a:xfrm>
              <a:off x="4499992" y="2926268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it-IT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tudi di fattibilità e diritti di proprietà industriale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3" name="Freihandform: Form 12">
              <a:extLst>
                <a:ext uri="{FF2B5EF4-FFF2-40B4-BE49-F238E27FC236}">
                  <a16:creationId xmlns:a16="http://schemas.microsoft.com/office/drawing/2014/main" id="{28E394AF-3BAA-4432-A320-96E5F6B5A480}"/>
                </a:ext>
              </a:extLst>
            </p:cNvPr>
            <p:cNvSpPr/>
            <p:nvPr/>
          </p:nvSpPr>
          <p:spPr>
            <a:xfrm>
              <a:off x="4499992" y="3468360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5294" tIns="75294" rIns="75294" bIns="75294" numCol="1" spcCol="1270" anchor="ctr" anchorCtr="0">
              <a:noAutofit/>
            </a:bodyPr>
            <a:lstStyle/>
            <a:p>
              <a:pPr marL="0" lvl="0" indent="0" algn="l" defTabSz="57785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it-IT" sz="13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nsulenza, formazione, trasferimento di conoscenza, servizi di consulenza per l´innovazione, sistemi di management</a:t>
              </a:r>
              <a:endParaRPr lang="de-DE" sz="13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ihandform: Form 13">
              <a:extLst>
                <a:ext uri="{FF2B5EF4-FFF2-40B4-BE49-F238E27FC236}">
                  <a16:creationId xmlns:a16="http://schemas.microsoft.com/office/drawing/2014/main" id="{7BE91B68-FD05-4CBB-89B8-BFEE3ABC9023}"/>
                </a:ext>
              </a:extLst>
            </p:cNvPr>
            <p:cNvSpPr/>
            <p:nvPr/>
          </p:nvSpPr>
          <p:spPr>
            <a:xfrm>
              <a:off x="4499992" y="4010453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it-IT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tart-up innovative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5" name="Freihandform: Form 14">
              <a:extLst>
                <a:ext uri="{FF2B5EF4-FFF2-40B4-BE49-F238E27FC236}">
                  <a16:creationId xmlns:a16="http://schemas.microsoft.com/office/drawing/2014/main" id="{439787F0-60F0-486F-8C6D-FFFC5283FAAF}"/>
                </a:ext>
              </a:extLst>
            </p:cNvPr>
            <p:cNvSpPr/>
            <p:nvPr/>
          </p:nvSpPr>
          <p:spPr>
            <a:xfrm>
              <a:off x="4499992" y="4552545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ersonale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ltamente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qualificato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Freihandform: Form 15">
              <a:extLst>
                <a:ext uri="{FF2B5EF4-FFF2-40B4-BE49-F238E27FC236}">
                  <a16:creationId xmlns:a16="http://schemas.microsoft.com/office/drawing/2014/main" id="{B30C006E-5AD3-4433-8028-493634E09B03}"/>
                </a:ext>
              </a:extLst>
            </p:cNvPr>
            <p:cNvSpPr/>
            <p:nvPr/>
          </p:nvSpPr>
          <p:spPr>
            <a:xfrm>
              <a:off x="4499992" y="5094637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it-IT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oli d’innovazione 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7" name="Freihandform: Form 16">
              <a:extLst>
                <a:ext uri="{FF2B5EF4-FFF2-40B4-BE49-F238E27FC236}">
                  <a16:creationId xmlns:a16="http://schemas.microsoft.com/office/drawing/2014/main" id="{77752C7A-CC6F-40DF-9E99-F5373D638C57}"/>
                </a:ext>
              </a:extLst>
            </p:cNvPr>
            <p:cNvSpPr/>
            <p:nvPr/>
          </p:nvSpPr>
          <p:spPr>
            <a:xfrm>
              <a:off x="4499992" y="5619851"/>
              <a:ext cx="4335908" cy="536400"/>
            </a:xfrm>
            <a:custGeom>
              <a:avLst/>
              <a:gdLst>
                <a:gd name="connsiteX0" fmla="*/ 0 w 4335908"/>
                <a:gd name="connsiteY0" fmla="*/ 87964 h 527776"/>
                <a:gd name="connsiteX1" fmla="*/ 87964 w 4335908"/>
                <a:gd name="connsiteY1" fmla="*/ 0 h 527776"/>
                <a:gd name="connsiteX2" fmla="*/ 4247944 w 4335908"/>
                <a:gd name="connsiteY2" fmla="*/ 0 h 527776"/>
                <a:gd name="connsiteX3" fmla="*/ 4335908 w 4335908"/>
                <a:gd name="connsiteY3" fmla="*/ 87964 h 527776"/>
                <a:gd name="connsiteX4" fmla="*/ 4335908 w 4335908"/>
                <a:gd name="connsiteY4" fmla="*/ 439812 h 527776"/>
                <a:gd name="connsiteX5" fmla="*/ 4247944 w 4335908"/>
                <a:gd name="connsiteY5" fmla="*/ 527776 h 527776"/>
                <a:gd name="connsiteX6" fmla="*/ 87964 w 4335908"/>
                <a:gd name="connsiteY6" fmla="*/ 527776 h 527776"/>
                <a:gd name="connsiteX7" fmla="*/ 0 w 4335908"/>
                <a:gd name="connsiteY7" fmla="*/ 439812 h 527776"/>
                <a:gd name="connsiteX8" fmla="*/ 0 w 4335908"/>
                <a:gd name="connsiteY8" fmla="*/ 87964 h 5277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35908" h="527776">
                  <a:moveTo>
                    <a:pt x="0" y="87964"/>
                  </a:moveTo>
                  <a:cubicBezTo>
                    <a:pt x="0" y="39383"/>
                    <a:pt x="39383" y="0"/>
                    <a:pt x="87964" y="0"/>
                  </a:cubicBezTo>
                  <a:lnTo>
                    <a:pt x="4247944" y="0"/>
                  </a:lnTo>
                  <a:cubicBezTo>
                    <a:pt x="4296525" y="0"/>
                    <a:pt x="4335908" y="39383"/>
                    <a:pt x="4335908" y="87964"/>
                  </a:cubicBezTo>
                  <a:lnTo>
                    <a:pt x="4335908" y="439812"/>
                  </a:lnTo>
                  <a:cubicBezTo>
                    <a:pt x="4335908" y="488393"/>
                    <a:pt x="4296525" y="527776"/>
                    <a:pt x="4247944" y="527776"/>
                  </a:cubicBezTo>
                  <a:lnTo>
                    <a:pt x="87964" y="527776"/>
                  </a:lnTo>
                  <a:cubicBezTo>
                    <a:pt x="39383" y="527776"/>
                    <a:pt x="0" y="488393"/>
                    <a:pt x="0" y="439812"/>
                  </a:cubicBezTo>
                  <a:lnTo>
                    <a:pt x="0" y="8796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9104" tIns="79104" rIns="79104" bIns="79104" numCol="1" spcCol="1270" anchor="ctr" anchorCtr="0">
              <a:noAutofit/>
            </a:bodyPr>
            <a:lstStyle/>
            <a:p>
              <a:pPr marL="0" lvl="0" indent="0" algn="l" defTabSz="6223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operative</a:t>
              </a:r>
              <a:r>
                <a:rPr lang="de-DE" sz="1400" kern="12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di </a:t>
              </a:r>
              <a:r>
                <a:rPr lang="de-DE" sz="1400" kern="12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aranzia</a:t>
              </a:r>
              <a:endParaRPr lang="de-DE" sz="1400" kern="1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5" name="Segnaposto data 3">
            <a:extLst>
              <a:ext uri="{FF2B5EF4-FFF2-40B4-BE49-F238E27FC236}">
                <a16:creationId xmlns:a16="http://schemas.microsoft.com/office/drawing/2014/main" id="{E0012F7A-98E8-43A8-B99C-5E30BE7D623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8" name="Segnaposto piè di pagina 4">
            <a:extLst>
              <a:ext uri="{FF2B5EF4-FFF2-40B4-BE49-F238E27FC236}">
                <a16:creationId xmlns:a16="http://schemas.microsoft.com/office/drawing/2014/main" id="{B14471AB-0B7E-40A5-B6DF-0BA8EA5CB6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9" name="Segnaposto numero diapositiva 5">
            <a:extLst>
              <a:ext uri="{FF2B5EF4-FFF2-40B4-BE49-F238E27FC236}">
                <a16:creationId xmlns:a16="http://schemas.microsoft.com/office/drawing/2014/main" id="{78829E45-96CC-40AC-B1BA-AD309E0371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6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67623516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olo 1">
            <a:extLst>
              <a:ext uri="{FF2B5EF4-FFF2-40B4-BE49-F238E27FC236}">
                <a16:creationId xmlns:a16="http://schemas.microsoft.com/office/drawing/2014/main" id="{A531B053-133D-4187-A360-F6BB89A74974}"/>
              </a:ext>
            </a:extLst>
          </p:cNvPr>
          <p:cNvSpPr txBox="1">
            <a:spLocks/>
          </p:cNvSpPr>
          <p:nvPr/>
        </p:nvSpPr>
        <p:spPr>
          <a:xfrm>
            <a:off x="457200" y="26977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5000" lnSpcReduction="2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rgbClr val="000099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e-DE" dirty="0">
                <a:solidFill>
                  <a:srgbClr val="C00000"/>
                </a:solidFill>
              </a:rPr>
              <a:t>34.3 Amt Infrastrukturen und Telekommunikation 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34.3 Ufficio Infrastrutture e telecomunicazioni</a:t>
            </a:r>
            <a:br>
              <a:rPr lang="de-DE" dirty="0"/>
            </a:br>
            <a:endParaRPr lang="it-IT" dirty="0"/>
          </a:p>
        </p:txBody>
      </p:sp>
      <p:graphicFrame>
        <p:nvGraphicFramePr>
          <p:cNvPr id="6" name="Diagramma 2">
            <a:extLst>
              <a:ext uri="{FF2B5EF4-FFF2-40B4-BE49-F238E27FC236}">
                <a16:creationId xmlns:a16="http://schemas.microsoft.com/office/drawing/2014/main" id="{AFCF3E91-5B9F-4250-95AF-B8B0DA45509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324267648"/>
              </p:ext>
            </p:extLst>
          </p:nvPr>
        </p:nvGraphicFramePr>
        <p:xfrm>
          <a:off x="492598" y="1293738"/>
          <a:ext cx="4007394" cy="48661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7" name="Diagramma 6">
            <a:extLst>
              <a:ext uri="{FF2B5EF4-FFF2-40B4-BE49-F238E27FC236}">
                <a16:creationId xmlns:a16="http://schemas.microsoft.com/office/drawing/2014/main" id="{4DA18BE3-4D2D-4DBA-BC76-FE59303F621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23281990"/>
              </p:ext>
            </p:extLst>
          </p:nvPr>
        </p:nvGraphicFramePr>
        <p:xfrm>
          <a:off x="4499992" y="1299194"/>
          <a:ext cx="4335908" cy="48661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5" name="Segnaposto data 3">
            <a:extLst>
              <a:ext uri="{FF2B5EF4-FFF2-40B4-BE49-F238E27FC236}">
                <a16:creationId xmlns:a16="http://schemas.microsoft.com/office/drawing/2014/main" id="{B03F6675-2283-41A7-BC39-5A627CD70C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8" name="Segnaposto piè di pagina 4">
            <a:extLst>
              <a:ext uri="{FF2B5EF4-FFF2-40B4-BE49-F238E27FC236}">
                <a16:creationId xmlns:a16="http://schemas.microsoft.com/office/drawing/2014/main" id="{4DA683E6-5395-4BE1-A5FA-5E54DFBED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87824" y="6356350"/>
            <a:ext cx="3168352" cy="365125"/>
          </a:xfrm>
        </p:spPr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9" name="Segnaposto numero diapositiva 5">
            <a:extLst>
              <a:ext uri="{FF2B5EF4-FFF2-40B4-BE49-F238E27FC236}">
                <a16:creationId xmlns:a16="http://schemas.microsoft.com/office/drawing/2014/main" id="{C0C1E63C-C3DE-436F-AA63-E0964C4805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E7A41E1B-4F70-4964-A407-84C68BE8251C}" type="slidenum">
              <a:rPr lang="it-IT" smtClean="0"/>
              <a:t>17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5122931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017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18</a:t>
            </a:fld>
            <a:endParaRPr lang="it-IT"/>
          </a:p>
        </p:txBody>
      </p:sp>
      <p:pic>
        <p:nvPicPr>
          <p:cNvPr id="7" name="Immagine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956" y="50510"/>
            <a:ext cx="7562088" cy="1441704"/>
          </a:xfrm>
          <a:prstGeom prst="rect">
            <a:avLst/>
          </a:prstGeom>
        </p:spPr>
      </p:pic>
      <p:pic>
        <p:nvPicPr>
          <p:cNvPr id="3" name="Segnaposto contenuto 2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64010"/>
            <a:ext cx="9144000" cy="3821374"/>
          </a:xfrm>
        </p:spPr>
      </p:pic>
      <p:sp>
        <p:nvSpPr>
          <p:cNvPr id="8" name="Rettangolo 7"/>
          <p:cNvSpPr/>
          <p:nvPr/>
        </p:nvSpPr>
        <p:spPr>
          <a:xfrm>
            <a:off x="395535" y="1251917"/>
            <a:ext cx="5942655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DE" sz="280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„S</a:t>
            </a:r>
            <a:r>
              <a:rPr lang="en-US" sz="2800" dirty="0" err="1">
                <a:solidFill>
                  <a:schemeClr val="accent1">
                    <a:lumMod val="75000"/>
                  </a:schemeClr>
                </a:solidFill>
              </a:rPr>
              <a:t>cientific</a:t>
            </a:r>
            <a:r>
              <a:rPr lang="en-US" sz="2800" dirty="0">
                <a:solidFill>
                  <a:schemeClr val="accent1">
                    <a:lumMod val="75000"/>
                  </a:schemeClr>
                </a:solidFill>
              </a:rPr>
              <a:t> research is one of the most exciting and rewarding of occupations.”</a:t>
            </a:r>
            <a:br>
              <a:rPr lang="en-US" sz="2800" dirty="0"/>
            </a:br>
            <a:r>
              <a:rPr lang="en-US" sz="24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Frederick Sanger </a:t>
            </a:r>
            <a:r>
              <a:rPr lang="en-US" sz="16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(biochemist, twice Nobel Prize winner)</a:t>
            </a:r>
            <a:endParaRPr lang="it-IT" sz="1600" dirty="0">
              <a:solidFill>
                <a:schemeClr val="tx2">
                  <a:lumMod val="60000"/>
                  <a:lumOff val="4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Rettangolo 8"/>
          <p:cNvSpPr/>
          <p:nvPr/>
        </p:nvSpPr>
        <p:spPr>
          <a:xfrm>
            <a:off x="6338191" y="2412177"/>
            <a:ext cx="2554289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/>
            <a:r>
              <a:rPr lang="en-US" sz="1600" dirty="0">
                <a:solidFill>
                  <a:srgbClr val="898989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www.provinz.bz.it/innovation</a:t>
            </a:r>
          </a:p>
          <a:p>
            <a:pPr lvl="0" algn="ctr"/>
            <a:r>
              <a:rPr lang="en-US" sz="1600" dirty="0">
                <a:solidFill>
                  <a:srgbClr val="898989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www.provincia.bz.it/innovazione</a:t>
            </a:r>
            <a:endParaRPr lang="de-DE" sz="1600" dirty="0">
              <a:solidFill>
                <a:srgbClr val="898989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ttangolo 9"/>
          <p:cNvSpPr/>
          <p:nvPr/>
        </p:nvSpPr>
        <p:spPr>
          <a:xfrm>
            <a:off x="9704" y="771362"/>
            <a:ext cx="790777" cy="49739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ttangolo 10"/>
          <p:cNvSpPr/>
          <p:nvPr/>
        </p:nvSpPr>
        <p:spPr>
          <a:xfrm>
            <a:off x="8337467" y="771362"/>
            <a:ext cx="790777" cy="49739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879598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53752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Forschungsquote </a:t>
            </a:r>
            <a:r>
              <a:rPr lang="de-DE" sz="1600" dirty="0">
                <a:solidFill>
                  <a:srgbClr val="C00000"/>
                </a:solidFill>
              </a:rPr>
              <a:t>(Ausgaben Forschung in % des BIP 2014/15) </a:t>
            </a:r>
            <a:br>
              <a:rPr lang="de-DE" dirty="0">
                <a:solidFill>
                  <a:srgbClr val="C00000"/>
                </a:solidFill>
              </a:rPr>
            </a:br>
            <a:r>
              <a:rPr lang="de-DE" dirty="0" err="1">
                <a:solidFill>
                  <a:srgbClr val="C00000"/>
                </a:solidFill>
              </a:rPr>
              <a:t>Percentuale</a:t>
            </a:r>
            <a:r>
              <a:rPr lang="de-DE" dirty="0">
                <a:solidFill>
                  <a:srgbClr val="C00000"/>
                </a:solidFill>
              </a:rPr>
              <a:t> ricerca </a:t>
            </a:r>
            <a:r>
              <a:rPr lang="de-DE" sz="1600" dirty="0">
                <a:solidFill>
                  <a:srgbClr val="C00000"/>
                </a:solidFill>
              </a:rPr>
              <a:t>(% del PIL 2014/2015 </a:t>
            </a:r>
            <a:r>
              <a:rPr lang="de-DE" sz="1600" dirty="0" err="1">
                <a:solidFill>
                  <a:srgbClr val="C00000"/>
                </a:solidFill>
              </a:rPr>
              <a:t>destinato</a:t>
            </a:r>
            <a:r>
              <a:rPr lang="de-DE" sz="1600" dirty="0">
                <a:solidFill>
                  <a:srgbClr val="C00000"/>
                </a:solidFill>
              </a:rPr>
              <a:t> alla ricerca)</a:t>
            </a:r>
            <a:endParaRPr lang="it-IT" sz="1600" dirty="0">
              <a:solidFill>
                <a:srgbClr val="C00000"/>
              </a:solidFill>
            </a:endParaRP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2</a:t>
            </a:fld>
            <a:endParaRPr lang="it-IT"/>
          </a:p>
        </p:txBody>
      </p:sp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02F65267-2E86-4EE6-8EFA-61A1E88A737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80751414"/>
              </p:ext>
            </p:extLst>
          </p:nvPr>
        </p:nvGraphicFramePr>
        <p:xfrm>
          <a:off x="179512" y="1556792"/>
          <a:ext cx="9044645" cy="488156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Content Placeholder 7">
            <a:extLst>
              <a:ext uri="{FF2B5EF4-FFF2-40B4-BE49-F238E27FC236}">
                <a16:creationId xmlns:a16="http://schemas.microsoft.com/office/drawing/2014/main" id="{32040310-AAB4-437B-B287-BF85F015896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34822519"/>
              </p:ext>
            </p:extLst>
          </p:nvPr>
        </p:nvGraphicFramePr>
        <p:xfrm>
          <a:off x="467544" y="1387208"/>
          <a:ext cx="8319264" cy="44900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98210444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-90264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Südtirol im europäischen Vergleich</a:t>
            </a:r>
            <a:br>
              <a:rPr lang="de-DE" dirty="0">
                <a:solidFill>
                  <a:srgbClr val="C00000"/>
                </a:solidFill>
              </a:rPr>
            </a:br>
            <a:r>
              <a:rPr lang="de-DE" dirty="0" err="1">
                <a:solidFill>
                  <a:srgbClr val="C00000"/>
                </a:solidFill>
              </a:rPr>
              <a:t>L´Alto</a:t>
            </a:r>
            <a:r>
              <a:rPr lang="de-DE" dirty="0">
                <a:solidFill>
                  <a:srgbClr val="C00000"/>
                </a:solidFill>
              </a:rPr>
              <a:t> </a:t>
            </a:r>
            <a:r>
              <a:rPr lang="de-DE" dirty="0" err="1">
                <a:solidFill>
                  <a:srgbClr val="C00000"/>
                </a:solidFill>
              </a:rPr>
              <a:t>Adige</a:t>
            </a:r>
            <a:r>
              <a:rPr lang="de-DE" dirty="0">
                <a:solidFill>
                  <a:srgbClr val="C00000"/>
                </a:solidFill>
              </a:rPr>
              <a:t> a </a:t>
            </a:r>
            <a:r>
              <a:rPr lang="de-DE" dirty="0" err="1">
                <a:solidFill>
                  <a:srgbClr val="C00000"/>
                </a:solidFill>
              </a:rPr>
              <a:t>confronto</a:t>
            </a:r>
            <a:r>
              <a:rPr lang="de-DE" dirty="0">
                <a:solidFill>
                  <a:srgbClr val="C00000"/>
                </a:solidFill>
              </a:rPr>
              <a:t> </a:t>
            </a:r>
            <a:r>
              <a:rPr lang="de-DE" dirty="0" err="1">
                <a:solidFill>
                  <a:srgbClr val="C00000"/>
                </a:solidFill>
              </a:rPr>
              <a:t>con</a:t>
            </a:r>
            <a:r>
              <a:rPr lang="de-DE" dirty="0">
                <a:solidFill>
                  <a:srgbClr val="C00000"/>
                </a:solidFill>
              </a:rPr>
              <a:t> </a:t>
            </a:r>
            <a:r>
              <a:rPr lang="de-DE" dirty="0" err="1">
                <a:solidFill>
                  <a:srgbClr val="C00000"/>
                </a:solidFill>
              </a:rPr>
              <a:t>l´Europa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3</a:t>
            </a:fld>
            <a:endParaRPr lang="it-IT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09B0221A-D0C3-4822-8667-56EBFC9C3D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95736" y="1200460"/>
            <a:ext cx="5019224" cy="5540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382468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39F5052-AAF1-47AB-B7DA-5E25E0F77E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© Autonome Provinz Bozen – Südtirol</a:t>
            </a:r>
          </a:p>
          <a:p>
            <a:r>
              <a:rPr lang="it-IT"/>
              <a:t>© Provincia autonoma di Bolzano – Alto Adige</a:t>
            </a:r>
            <a:endParaRPr lang="it-IT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301FFCEB-9A7A-405D-88E5-32CF8CFC03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4</a:t>
            </a:fld>
            <a:endParaRPr lang="it-IT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9F9C5C6D-7AF9-43C3-8806-94A06B6F6536}"/>
              </a:ext>
            </a:extLst>
          </p:cNvPr>
          <p:cNvSpPr txBox="1"/>
          <p:nvPr/>
        </p:nvSpPr>
        <p:spPr>
          <a:xfrm>
            <a:off x="2590800" y="3284984"/>
            <a:ext cx="29198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>
                <a:highlight>
                  <a:srgbClr val="FFFF00"/>
                </a:highlight>
              </a:rPr>
              <a:t>LINK FILM WIRD EINGEFÜGT!</a:t>
            </a:r>
          </a:p>
        </p:txBody>
      </p:sp>
      <p:sp>
        <p:nvSpPr>
          <p:cNvPr id="9" name="Segnaposto data 3">
            <a:extLst>
              <a:ext uri="{FF2B5EF4-FFF2-40B4-BE49-F238E27FC236}">
                <a16:creationId xmlns:a16="http://schemas.microsoft.com/office/drawing/2014/main" id="{0DD04FAD-4F82-4DCD-96F4-F9645E948CE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2D99E56-16FE-4531-AA9A-946048FE29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6592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Film: Forschung in Südtirol</a:t>
            </a:r>
            <a:br>
              <a:rPr lang="de-DE" dirty="0">
                <a:solidFill>
                  <a:srgbClr val="C00000"/>
                </a:solidFill>
              </a:rPr>
            </a:br>
            <a:r>
              <a:rPr lang="de-DE" dirty="0" err="1">
                <a:solidFill>
                  <a:srgbClr val="C00000"/>
                </a:solidFill>
              </a:rPr>
              <a:t>Filmato</a:t>
            </a:r>
            <a:r>
              <a:rPr lang="de-DE" dirty="0">
                <a:solidFill>
                  <a:srgbClr val="C00000"/>
                </a:solidFill>
              </a:rPr>
              <a:t>: Ricerca in Alto </a:t>
            </a:r>
            <a:r>
              <a:rPr lang="de-DE" dirty="0" err="1">
                <a:solidFill>
                  <a:srgbClr val="C00000"/>
                </a:solidFill>
              </a:rPr>
              <a:t>Adige</a:t>
            </a:r>
            <a:endParaRPr lang="de-DE" dirty="0">
              <a:solidFill>
                <a:srgbClr val="C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74045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Etappen der Forschungsförderung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Tappe del finanziamento alla ricerca</a:t>
            </a: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5</a:t>
            </a:fld>
            <a:endParaRPr lang="it-IT"/>
          </a:p>
        </p:txBody>
      </p:sp>
      <p:graphicFrame>
        <p:nvGraphicFramePr>
          <p:cNvPr id="7" name="Segnaposto contenuto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32084836"/>
              </p:ext>
            </p:extLst>
          </p:nvPr>
        </p:nvGraphicFramePr>
        <p:xfrm>
          <a:off x="323528" y="1340768"/>
          <a:ext cx="8640960" cy="49685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1" name="Ovale 10"/>
          <p:cNvSpPr/>
          <p:nvPr/>
        </p:nvSpPr>
        <p:spPr>
          <a:xfrm>
            <a:off x="395536" y="1412776"/>
            <a:ext cx="1008112" cy="1008112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b="1" dirty="0">
                <a:latin typeface="Arial" panose="020B0604020202020204" pitchFamily="34" charset="0"/>
                <a:cs typeface="Arial" panose="020B0604020202020204" pitchFamily="34" charset="0"/>
              </a:rPr>
              <a:t>2004</a:t>
            </a:r>
          </a:p>
        </p:txBody>
      </p:sp>
      <p:sp>
        <p:nvSpPr>
          <p:cNvPr id="13" name="Ovale 12"/>
          <p:cNvSpPr/>
          <p:nvPr/>
        </p:nvSpPr>
        <p:spPr>
          <a:xfrm>
            <a:off x="395536" y="2699395"/>
            <a:ext cx="1008112" cy="1008112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b="1" dirty="0">
                <a:latin typeface="Arial" panose="020B0604020202020204" pitchFamily="34" charset="0"/>
                <a:cs typeface="Arial" panose="020B0604020202020204" pitchFamily="34" charset="0"/>
              </a:rPr>
              <a:t>2006</a:t>
            </a:r>
          </a:p>
        </p:txBody>
      </p:sp>
      <p:sp>
        <p:nvSpPr>
          <p:cNvPr id="14" name="Ovale 13"/>
          <p:cNvSpPr/>
          <p:nvPr/>
        </p:nvSpPr>
        <p:spPr>
          <a:xfrm>
            <a:off x="395536" y="3976489"/>
            <a:ext cx="1008112" cy="1008112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b="1" dirty="0">
                <a:latin typeface="Arial" panose="020B0604020202020204" pitchFamily="34" charset="0"/>
                <a:cs typeface="Arial" panose="020B0604020202020204" pitchFamily="34" charset="0"/>
              </a:rPr>
              <a:t>2014</a:t>
            </a:r>
          </a:p>
        </p:txBody>
      </p:sp>
      <p:sp>
        <p:nvSpPr>
          <p:cNvPr id="15" name="Ovale 14"/>
          <p:cNvSpPr/>
          <p:nvPr/>
        </p:nvSpPr>
        <p:spPr>
          <a:xfrm>
            <a:off x="395536" y="5229200"/>
            <a:ext cx="1008112" cy="1008112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b="1" dirty="0">
                <a:latin typeface="Arial" panose="020B0604020202020204" pitchFamily="34" charset="0"/>
                <a:cs typeface="Arial" panose="020B0604020202020204" pitchFamily="34" charset="0"/>
              </a:rPr>
              <a:t>2017</a:t>
            </a:r>
          </a:p>
        </p:txBody>
      </p:sp>
    </p:spTree>
    <p:extLst>
      <p:ext uri="{BB962C8B-B14F-4D97-AF65-F5344CB8AC3E}">
        <p14:creationId xmlns:p14="http://schemas.microsoft.com/office/powerpoint/2010/main" val="76814250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107816-9D73-4ED4-9162-5E138460EB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Forschungsstandort Südtirol – Ricerca in Alto </a:t>
            </a:r>
            <a:r>
              <a:rPr lang="de-DE" dirty="0" err="1">
                <a:solidFill>
                  <a:srgbClr val="C00000"/>
                </a:solidFill>
              </a:rPr>
              <a:t>Adige</a:t>
            </a:r>
            <a:endParaRPr lang="de-DE" dirty="0">
              <a:solidFill>
                <a:srgbClr val="C00000"/>
              </a:solidFill>
            </a:endParaRPr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B023D8D-58F8-4BD2-AB52-CA8ADE7EC5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© Autonome Provinz Bozen – Südtirol</a:t>
            </a:r>
          </a:p>
          <a:p>
            <a:r>
              <a:rPr lang="it-IT"/>
              <a:t>© Provincia autonoma di Bolzano – Alto Adige</a:t>
            </a:r>
            <a:endParaRPr lang="it-IT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5B43A319-EA5A-4A71-9F3D-69FA165E05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6</a:t>
            </a:fld>
            <a:endParaRPr lang="it-IT"/>
          </a:p>
        </p:txBody>
      </p:sp>
      <p:sp>
        <p:nvSpPr>
          <p:cNvPr id="9" name="Rechteck: abgerundete Ecken 8">
            <a:extLst>
              <a:ext uri="{FF2B5EF4-FFF2-40B4-BE49-F238E27FC236}">
                <a16:creationId xmlns:a16="http://schemas.microsoft.com/office/drawing/2014/main" id="{43D6BCB6-0746-47CD-B5B0-3B3C0AFAA96D}"/>
              </a:ext>
            </a:extLst>
          </p:cNvPr>
          <p:cNvSpPr/>
          <p:nvPr/>
        </p:nvSpPr>
        <p:spPr>
          <a:xfrm>
            <a:off x="457200" y="1772816"/>
            <a:ext cx="7920880" cy="2088232"/>
          </a:xfrm>
          <a:prstGeom prst="roundRect">
            <a:avLst/>
          </a:prstGeom>
          <a:solidFill>
            <a:srgbClr val="4F81BD">
              <a:lumMod val="40000"/>
              <a:lumOff val="60000"/>
            </a:srgbClr>
          </a:solidFill>
          <a:ln w="25400" cap="flat" cmpd="sng" algn="ctr">
            <a:solidFill>
              <a:prstClr val="white">
                <a:hueOff val="0"/>
                <a:satOff val="0"/>
                <a:lumOff val="0"/>
                <a:alphaOff val="0"/>
              </a:prstClr>
            </a:solidFill>
            <a:prstDash val="solid"/>
          </a:ln>
          <a:effectLst/>
        </p:spPr>
        <p:txBody>
          <a:bodyPr spcFirstLastPara="0" vert="horz" wrap="square" lIns="68580" tIns="68580" rIns="68580" bIns="68580" numCol="1" spcCol="1270" anchor="ctr" anchorCtr="0">
            <a:noAutofit/>
          </a:bodyPr>
          <a:lstStyle/>
          <a:p>
            <a:r>
              <a:rPr lang="de-DE" sz="2400" dirty="0"/>
              <a:t>Südtirol kann im Konzert regionaler Forschungsstandorte in der vorderen Reihe spielen.</a:t>
            </a:r>
          </a:p>
          <a:p>
            <a:endParaRPr lang="de-DE" sz="2400" dirty="0">
              <a:solidFill>
                <a:schemeClr val="tx1"/>
              </a:solidFill>
              <a:cs typeface="Arial" panose="020B0604020202020204" pitchFamily="34" charset="0"/>
            </a:endParaRPr>
          </a:p>
          <a:p>
            <a:r>
              <a:rPr lang="de-DE" sz="2400" dirty="0" err="1">
                <a:cs typeface="Arial" panose="020B0604020202020204" pitchFamily="34" charset="0"/>
              </a:rPr>
              <a:t>L´Alto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Adige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puó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giocare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un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ruolo</a:t>
            </a:r>
            <a:r>
              <a:rPr lang="de-DE" sz="2400" dirty="0">
                <a:cs typeface="Arial" panose="020B0604020202020204" pitchFamily="34" charset="0"/>
              </a:rPr>
              <a:t> di </a:t>
            </a:r>
            <a:r>
              <a:rPr lang="de-DE" sz="2400" dirty="0" err="1">
                <a:cs typeface="Arial" panose="020B0604020202020204" pitchFamily="34" charset="0"/>
              </a:rPr>
              <a:t>prim´ordine</a:t>
            </a:r>
            <a:r>
              <a:rPr lang="de-DE" sz="2400" dirty="0">
                <a:cs typeface="Arial" panose="020B0604020202020204" pitchFamily="34" charset="0"/>
              </a:rPr>
              <a:t> di </a:t>
            </a:r>
            <a:r>
              <a:rPr lang="de-DE" sz="2400" dirty="0" err="1">
                <a:cs typeface="Arial" panose="020B0604020202020204" pitchFamily="34" charset="0"/>
              </a:rPr>
              <a:t>concerto</a:t>
            </a:r>
            <a:r>
              <a:rPr lang="de-DE" sz="2400" dirty="0">
                <a:cs typeface="Arial" panose="020B0604020202020204" pitchFamily="34" charset="0"/>
              </a:rPr>
              <a:t> </a:t>
            </a:r>
            <a:r>
              <a:rPr lang="de-DE" sz="2400" dirty="0" err="1">
                <a:cs typeface="Arial" panose="020B0604020202020204" pitchFamily="34" charset="0"/>
              </a:rPr>
              <a:t>con</a:t>
            </a:r>
            <a:r>
              <a:rPr lang="de-DE" sz="2400" dirty="0">
                <a:cs typeface="Arial" panose="020B0604020202020204" pitchFamily="34" charset="0"/>
              </a:rPr>
              <a:t> i </a:t>
            </a:r>
            <a:r>
              <a:rPr lang="de-DE" sz="2400" dirty="0" err="1">
                <a:cs typeface="Arial" panose="020B0604020202020204" pitchFamily="34" charset="0"/>
              </a:rPr>
              <a:t>centri</a:t>
            </a:r>
            <a:r>
              <a:rPr lang="de-DE" sz="2400" dirty="0">
                <a:cs typeface="Arial" panose="020B0604020202020204" pitchFamily="34" charset="0"/>
              </a:rPr>
              <a:t> di ricerca </a:t>
            </a:r>
            <a:r>
              <a:rPr lang="de-DE" sz="2400">
                <a:cs typeface="Arial" panose="020B0604020202020204" pitchFamily="34" charset="0"/>
              </a:rPr>
              <a:t>regionali</a:t>
            </a:r>
            <a:r>
              <a:rPr lang="de-DE" sz="2400">
                <a:solidFill>
                  <a:schemeClr val="tx1"/>
                </a:solidFill>
                <a:cs typeface="Arial" panose="020B0604020202020204" pitchFamily="34" charset="0"/>
              </a:rPr>
              <a:t>.</a:t>
            </a:r>
            <a:endParaRPr lang="de-DE" sz="2400" dirty="0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  <p:sp>
        <p:nvSpPr>
          <p:cNvPr id="7" name="Segnaposto data 3">
            <a:extLst>
              <a:ext uri="{FF2B5EF4-FFF2-40B4-BE49-F238E27FC236}">
                <a16:creationId xmlns:a16="http://schemas.microsoft.com/office/drawing/2014/main" id="{460E27FE-CB62-4A86-819D-498A0EF20E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</p:spPr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7053901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74DB4BF-BA6A-4D6F-A414-8AC13235CB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Erkenntnisse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Aspetti di rilievo</a:t>
            </a:r>
            <a:endParaRPr lang="de-DE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30EC0E6-9A7B-4444-9B0A-C4162FF820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F81B6FA0-98EB-47C4-AF3E-EA21790194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© Autonome Provinz Bozen – Südtirol</a:t>
            </a:r>
          </a:p>
          <a:p>
            <a:r>
              <a:rPr lang="it-IT"/>
              <a:t>© Provincia autonoma di Bolzano – Alto Adige</a:t>
            </a:r>
            <a:endParaRPr lang="it-IT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9191F04-7C25-49B3-ADA6-5F5729F793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7</a:t>
            </a:fld>
            <a:endParaRPr lang="it-IT"/>
          </a:p>
        </p:txBody>
      </p:sp>
      <p:graphicFrame>
        <p:nvGraphicFramePr>
          <p:cNvPr id="9" name="Diagramma 2">
            <a:extLst>
              <a:ext uri="{FF2B5EF4-FFF2-40B4-BE49-F238E27FC236}">
                <a16:creationId xmlns:a16="http://schemas.microsoft.com/office/drawing/2014/main" id="{26C81064-2696-47A7-93D6-93717E3A58C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22120367"/>
              </p:ext>
            </p:extLst>
          </p:nvPr>
        </p:nvGraphicFramePr>
        <p:xfrm>
          <a:off x="457200" y="1412776"/>
          <a:ext cx="4001938" cy="418576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0" name="Diagramma 6">
            <a:extLst>
              <a:ext uri="{FF2B5EF4-FFF2-40B4-BE49-F238E27FC236}">
                <a16:creationId xmlns:a16="http://schemas.microsoft.com/office/drawing/2014/main" id="{3F726FC4-0C9D-44DF-967B-4AAAC1FB58F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95213663"/>
              </p:ext>
            </p:extLst>
          </p:nvPr>
        </p:nvGraphicFramePr>
        <p:xfrm>
          <a:off x="4459138" y="1418232"/>
          <a:ext cx="4330005" cy="418576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41452612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74DB4BF-BA6A-4D6F-A414-8AC13235CB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5 Punkte-Programm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Programma in 5 punti</a:t>
            </a:r>
            <a:endParaRPr lang="de-DE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30EC0E6-9A7B-4444-9B0A-C4162FF820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F81B6FA0-98EB-47C4-AF3E-EA21790194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© Autonome Provinz Bozen – Südtirol</a:t>
            </a:r>
          </a:p>
          <a:p>
            <a:r>
              <a:rPr lang="it-IT"/>
              <a:t>© Provincia autonoma di Bolzano – Alto Adige</a:t>
            </a:r>
            <a:endParaRPr lang="it-IT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9191F04-7C25-49B3-ADA6-5F5729F793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8</a:t>
            </a:fld>
            <a:endParaRPr lang="it-IT"/>
          </a:p>
        </p:txBody>
      </p:sp>
      <p:graphicFrame>
        <p:nvGraphicFramePr>
          <p:cNvPr id="9" name="Diagramma 2">
            <a:extLst>
              <a:ext uri="{FF2B5EF4-FFF2-40B4-BE49-F238E27FC236}">
                <a16:creationId xmlns:a16="http://schemas.microsoft.com/office/drawing/2014/main" id="{26C81064-2696-47A7-93D6-93717E3A58C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54167828"/>
              </p:ext>
            </p:extLst>
          </p:nvPr>
        </p:nvGraphicFramePr>
        <p:xfrm>
          <a:off x="457200" y="1412776"/>
          <a:ext cx="4001938" cy="418576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0" name="Diagramma 6">
            <a:extLst>
              <a:ext uri="{FF2B5EF4-FFF2-40B4-BE49-F238E27FC236}">
                <a16:creationId xmlns:a16="http://schemas.microsoft.com/office/drawing/2014/main" id="{3F726FC4-0C9D-44DF-967B-4AAAC1FB58F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38731710"/>
              </p:ext>
            </p:extLst>
          </p:nvPr>
        </p:nvGraphicFramePr>
        <p:xfrm>
          <a:off x="4459138" y="1418232"/>
          <a:ext cx="4330005" cy="418576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27552144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ttangolo 7"/>
          <p:cNvSpPr/>
          <p:nvPr/>
        </p:nvSpPr>
        <p:spPr>
          <a:xfrm>
            <a:off x="1557" y="1510842"/>
            <a:ext cx="9142443" cy="4798478"/>
          </a:xfrm>
          <a:prstGeom prst="rect">
            <a:avLst/>
          </a:prstGeom>
          <a:solidFill>
            <a:srgbClr val="D0D8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269776"/>
            <a:ext cx="8229600" cy="1143000"/>
          </a:xfrm>
        </p:spPr>
        <p:txBody>
          <a:bodyPr/>
          <a:lstStyle/>
          <a:p>
            <a:pPr algn="ctr"/>
            <a:r>
              <a:rPr lang="de-DE" dirty="0">
                <a:solidFill>
                  <a:srgbClr val="C00000"/>
                </a:solidFill>
              </a:rPr>
              <a:t>Schaffung eines Wissenschaftsfonds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it-IT" dirty="0">
                <a:solidFill>
                  <a:srgbClr val="C00000"/>
                </a:solidFill>
              </a:rPr>
              <a:t>Creazione di un fondo per la ricerca scientifica</a:t>
            </a:r>
            <a:br>
              <a:rPr lang="it-IT" dirty="0">
                <a:solidFill>
                  <a:srgbClr val="C00000"/>
                </a:solidFill>
              </a:rPr>
            </a:br>
            <a:r>
              <a:rPr lang="de-DE" sz="1600" dirty="0"/>
              <a:t>Dotierung: 4 </a:t>
            </a:r>
            <a:r>
              <a:rPr lang="de-DE" sz="1600" dirty="0" err="1"/>
              <a:t>Mio</a:t>
            </a:r>
            <a:r>
              <a:rPr lang="de-DE" sz="1600" dirty="0"/>
              <a:t>/Jahr / </a:t>
            </a:r>
            <a:r>
              <a:rPr lang="de-DE" sz="1600" dirty="0" err="1"/>
              <a:t>Dotazione</a:t>
            </a:r>
            <a:r>
              <a:rPr lang="de-DE" sz="1600" dirty="0"/>
              <a:t>: 4 </a:t>
            </a:r>
            <a:r>
              <a:rPr lang="de-DE" sz="1600" dirty="0" err="1"/>
              <a:t>Mio</a:t>
            </a:r>
            <a:r>
              <a:rPr lang="de-DE" sz="1600" dirty="0"/>
              <a:t>/anno</a:t>
            </a:r>
            <a:br>
              <a:rPr lang="de-DE" dirty="0"/>
            </a:br>
            <a:endParaRPr lang="it-IT" dirty="0"/>
          </a:p>
        </p:txBody>
      </p:sp>
      <p:graphicFrame>
        <p:nvGraphicFramePr>
          <p:cNvPr id="7" name="Segnaposto contenuto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42310250"/>
              </p:ext>
            </p:extLst>
          </p:nvPr>
        </p:nvGraphicFramePr>
        <p:xfrm>
          <a:off x="457200" y="1412776"/>
          <a:ext cx="8229600" cy="49685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.02.2018</a:t>
            </a:r>
            <a:endParaRPr lang="it-IT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 dirty="0"/>
              <a:t>© Autonome </a:t>
            </a:r>
            <a:r>
              <a:rPr lang="it-IT" dirty="0" err="1"/>
              <a:t>Provinz</a:t>
            </a:r>
            <a:r>
              <a:rPr lang="it-IT" dirty="0"/>
              <a:t> Bozen – Südtirol</a:t>
            </a:r>
          </a:p>
          <a:p>
            <a:r>
              <a:rPr lang="it-IT" dirty="0"/>
              <a:t>© Provincia autonoma di Bolzano – Alto Adige</a:t>
            </a:r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41E1B-4F70-4964-A407-84C68BE8251C}" type="slidenum">
              <a:rPr lang="it-IT" smtClean="0"/>
              <a:t>9</a:t>
            </a:fld>
            <a:endParaRPr lang="it-IT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197372F-7449-463A-8088-E61B51362F0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417" y="5400375"/>
            <a:ext cx="591615" cy="504056"/>
          </a:xfrm>
          <a:prstGeom prst="rect">
            <a:avLst/>
          </a:prstGeom>
        </p:spPr>
      </p:pic>
      <p:pic>
        <p:nvPicPr>
          <p:cNvPr id="13" name="Grafik 12">
            <a:extLst>
              <a:ext uri="{FF2B5EF4-FFF2-40B4-BE49-F238E27FC236}">
                <a16:creationId xmlns:a16="http://schemas.microsoft.com/office/drawing/2014/main" id="{9F8BD3EA-3B36-4D69-96E3-853E94D3C5B8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50000" b="5530"/>
          <a:stretch/>
        </p:blipFill>
        <p:spPr>
          <a:xfrm>
            <a:off x="1160465" y="2995218"/>
            <a:ext cx="596267" cy="684000"/>
          </a:xfrm>
          <a:prstGeom prst="rect">
            <a:avLst/>
          </a:prstGeom>
        </p:spPr>
      </p:pic>
      <p:pic>
        <p:nvPicPr>
          <p:cNvPr id="16" name="Grafik 15">
            <a:extLst>
              <a:ext uri="{FF2B5EF4-FFF2-40B4-BE49-F238E27FC236}">
                <a16:creationId xmlns:a16="http://schemas.microsoft.com/office/drawing/2014/main" id="{DC896DAD-7BB2-4C2D-AE36-F42486B96FA4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446" y="1683998"/>
            <a:ext cx="1008112" cy="1008112"/>
          </a:xfrm>
          <a:prstGeom prst="rect">
            <a:avLst/>
          </a:prstGeom>
        </p:spPr>
      </p:pic>
      <p:pic>
        <p:nvPicPr>
          <p:cNvPr id="21" name="Grafik 20">
            <a:extLst>
              <a:ext uri="{FF2B5EF4-FFF2-40B4-BE49-F238E27FC236}">
                <a16:creationId xmlns:a16="http://schemas.microsoft.com/office/drawing/2014/main" id="{61D1E6DD-F0E8-4C8E-BA93-8ACB94856C6F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901" t="41783" r="14901" b="3436"/>
          <a:stretch/>
        </p:blipFill>
        <p:spPr>
          <a:xfrm>
            <a:off x="1117208" y="4215217"/>
            <a:ext cx="718488" cy="552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7696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69</Words>
  <Application>Microsoft Office PowerPoint</Application>
  <PresentationFormat>Presentazione su schermo (4:3)</PresentationFormat>
  <Paragraphs>260</Paragraphs>
  <Slides>18</Slides>
  <Notes>0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8</vt:i4>
      </vt:variant>
    </vt:vector>
  </HeadingPairs>
  <TitlesOfParts>
    <vt:vector size="23" baseType="lpstr">
      <vt:lpstr>Arial Unicode MS</vt:lpstr>
      <vt:lpstr>Arial</vt:lpstr>
      <vt:lpstr>Arial Narrow</vt:lpstr>
      <vt:lpstr>Calibri</vt:lpstr>
      <vt:lpstr>Tema di Office</vt:lpstr>
      <vt:lpstr>Die Südtiroler Forschungsoffensive  Nuove iniziative nel campo della ricerca scientifica altoatesina</vt:lpstr>
      <vt:lpstr>Forschungsquote (Ausgaben Forschung in % des BIP 2014/15)  Percentuale ricerca (% del PIL 2014/2015 destinato alla ricerca)</vt:lpstr>
      <vt:lpstr>Südtirol im europäischen Vergleich L´Alto Adige a confronto con l´Europa</vt:lpstr>
      <vt:lpstr>Film: Forschung in Südtirol Filmato: Ricerca in Alto Adige</vt:lpstr>
      <vt:lpstr>Etappen der Forschungsförderung Tappe del finanziamento alla ricerca</vt:lpstr>
      <vt:lpstr>Forschungsstandort Südtirol – Ricerca in Alto Adige</vt:lpstr>
      <vt:lpstr>Erkenntnisse Aspetti di rilievo</vt:lpstr>
      <vt:lpstr>5 Punkte-Programm Programma in 5 punti</vt:lpstr>
      <vt:lpstr>Schaffung eines Wissenschaftsfonds Creazione di un fondo per la ricerca scientifica Dotierung: 4 Mio/Jahr / Dotazione: 4 Mio/anno </vt:lpstr>
      <vt:lpstr>Forschungsförderung und Innovationsförderung Finanziamento della ricerca e dell´innovazione </vt:lpstr>
      <vt:lpstr>Reorganisation Abteilung 34 Riorganizzazione Ripartizione 34 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Pattaro, Cecilia</dc:creator>
  <cp:lastModifiedBy>Sixt, Elisa</cp:lastModifiedBy>
  <cp:revision>302</cp:revision>
  <cp:lastPrinted>2018-02-27T10:41:33Z</cp:lastPrinted>
  <dcterms:created xsi:type="dcterms:W3CDTF">2017-01-19T09:11:57Z</dcterms:created>
  <dcterms:modified xsi:type="dcterms:W3CDTF">2018-02-27T15:53:10Z</dcterms:modified>
</cp:coreProperties>
</file>